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104920\Downloads\"/>
    </mc:Choice>
  </mc:AlternateContent>
  <bookViews>
    <workbookView xWindow="0" yWindow="0" windowWidth="28800" windowHeight="11580"/>
  </bookViews>
  <sheets>
    <sheet name="CSPP liste ISIN FR (002)" sheetId="1" r:id="rId1"/>
  </sheets>
  <calcPr calcId="0"/>
</workbook>
</file>

<file path=xl/sharedStrings.xml><?xml version="1.0" encoding="utf-8"?>
<sst xmlns="http://schemas.openxmlformats.org/spreadsheetml/2006/main" count="375" uniqueCount="375">
  <si>
    <t>Liste des codes ISIN des instruments prêtables au titre du CSPP au 03/10/2025 après la clôture,,,</t>
  </si>
  <si>
    <t>ISIN,ISSUER,COUPON,MATURITY</t>
  </si>
  <si>
    <t>FR0000471930,ORANGE PARIS,8.125,1/28/2033</t>
  </si>
  <si>
    <t>FR0010033381,VEOLIA ENVIRONNEMENT SA PARIS,6.125,11/25/2033</t>
  </si>
  <si>
    <t>FR0010891317,ELECTRICITE DE FRANCE PARIS,4.625,4/26/2030</t>
  </si>
  <si>
    <t>FR0010961540,ELECTRICITE DE FRANCE PARIS,4,11/12/2025</t>
  </si>
  <si>
    <t>FR0010961581,ELECTRICITE DE FRANCE PARIS,4.5,11/12/2040</t>
  </si>
  <si>
    <t>FR0011224963,VEOLIA ENVIRONNEMENT SA PARIS,4.625,3/30/2027</t>
  </si>
  <si>
    <t>FR0011225143,ELECTRICITE DE FRANCE PARIS,4.125,3/25/2027</t>
  </si>
  <si>
    <t>FR0011509488,AEROPORTS DE PARIS PARIS,2.75,6/5/2028</t>
  </si>
  <si>
    <t>FR0011911247,ENGIE COURBEVOIE,2.375,5/19/2026</t>
  </si>
  <si>
    <t>FR0011912575,VEOLIA ENVIRONNEMENT SA PARIS,2,5/21/2029</t>
  </si>
  <si>
    <t>FR0011991488,RESEAU DE TRANSPORT D'ELECTRICITE,2.75,6/20/2029</t>
  </si>
  <si>
    <t>FR0012146801,SANOFI PARIS,1.75,9/10/2026</t>
  </si>
  <si>
    <t>FR0012199081,RESEAU DE TRANSPORT D'ELECTRICITE,2.625,10/9/2034</t>
  </si>
  <si>
    <t>FR0012602761,ENGIE COURBEVOIE,1,3/13/2026</t>
  </si>
  <si>
    <t>FR0012602779,ENGIE COURBEVOIE,1.5,3/13/2035</t>
  </si>
  <si>
    <t>FR0012663169,VEOLIA ENVIRONNEMENT SA PARIS,1.59,1/10/2028</t>
  </si>
  <si>
    <t>FR0013015559,SCHNEIDER ELECTRIC SE PARIS,1.841,10/13/2025</t>
  </si>
  <si>
    <t>FR0013030038,KLEPIERRE PARIS,2.125,10/22/2025</t>
  </si>
  <si>
    <t>FR0013053329,SANEF SA,1.875,3/16/2026</t>
  </si>
  <si>
    <t>FR0013060209,RESEAU DE TRANSPORT D'ELECTRICITE,1.625,11/27/2025</t>
  </si>
  <si>
    <t>FR0013073277,LEGRAND FRANCE SA,1.875,12/16/2027</t>
  </si>
  <si>
    <t>FR0013121753,KLEPIERRE PARIS,1.875,2/19/2026</t>
  </si>
  <si>
    <t>FR0013144003,SANOFI PARIS,1.125,4/5/2028</t>
  </si>
  <si>
    <t>FR0013152899,RESEAU DE TRANSPORT D'ELECTRICITE,1,10/19/2026</t>
  </si>
  <si>
    <t>FR0013152907,RESEAU DE TRANSPORT D'ELECTRICITE,2,4/18/2036</t>
  </si>
  <si>
    <t>FR0013165677,KERING PARIS,1.25,5/10/2026</t>
  </si>
  <si>
    <t>FR0013169885,AUTOROUTES DU SUD DE LA FRANCE PARIS,1,5/13/2026</t>
  </si>
  <si>
    <t>FR0013170834,COVIVIO METZ,1.875,5/20/2026</t>
  </si>
  <si>
    <t>FR0013172939,PERNOD RICARD,1.5,5/18/2026</t>
  </si>
  <si>
    <t>FR0013173432,VEOLIA ENVIRONNEMENT SA PARIS,1.25,5/19/2028</t>
  </si>
  <si>
    <t>FR0013182078,SOC AUTOROUTES PARIS RHIN RHONE,1.125,1/9/2026</t>
  </si>
  <si>
    <t>FR0013182847,AIR LIQUIDE FINANCE PARIS,1.25,6/13/2028</t>
  </si>
  <si>
    <t>FR0013201134,COFIROUTE,0.75,9/9/2028</t>
  </si>
  <si>
    <t>FR0013201639,SANOFI PARIS,0.5,1/13/2027</t>
  </si>
  <si>
    <t>FR0013203825,KLEPIERRE PARIS,1.25,9/29/2031</t>
  </si>
  <si>
    <t>FR0013205069,GECINA,1,1/30/2029</t>
  </si>
  <si>
    <t>FR0013210416,VEOLIA ENVIRONNEMENT SA PARIS,0.927,1/4/2029</t>
  </si>
  <si>
    <t>FR0013213295,ELECTRICITE DE FRANCE PARIS,1,10/13/2026</t>
  </si>
  <si>
    <t>FR0013213303,ELECTRICITE DE FRANCE PARIS,1.875,10/13/2036</t>
  </si>
  <si>
    <t>FR0013213683,SANEF SA,0.95,10/19/2028</t>
  </si>
  <si>
    <t>FR0013214137,SAGESS RUEIL-MALMAISON,0.625,10/20/2028</t>
  </si>
  <si>
    <t>FR0013216926,DANONE SA PARIS,1.208,11/3/2028</t>
  </si>
  <si>
    <t>FR0013217114,ORANGE PARIS,0.875,2/3/2027</t>
  </si>
  <si>
    <t>FR0013220258,SOC AUTOROUTES PARIS RHIN RHONE,1.25,1/6/2027</t>
  </si>
  <si>
    <t>FR0013220266,SOC AUTOROUTES PARIS RHIN RHONE,1.875,1/6/2031</t>
  </si>
  <si>
    <t>FR0013222494,BOUYGUES SA PARIS,1.375,6/7/2027</t>
  </si>
  <si>
    <t>FR0013231099,AUTOROUTES DU SUD DE LA FRANCE PARIS,1.25,1/18/2027</t>
  </si>
  <si>
    <t>FR0013238045,KLEPIERRE PARIS,1.375,2/16/2027</t>
  </si>
  <si>
    <t>FR0013241346,AIR LIQUIDE FINANCE PARIS,1,3/8/2027</t>
  </si>
  <si>
    <t>FR0013241676,ORANGE PARIS,1.5,9/9/2027</t>
  </si>
  <si>
    <t>FR0013245867,ENGIE COURBEVOIE,1.5,3/27/2028</t>
  </si>
  <si>
    <t>FR0013246733,VEOLIA ENVIRONNEMENT SA PARIS,1.496,11/30/2026</t>
  </si>
  <si>
    <t>FR0013247202,EDENRED SA PARIS,1.875,3/30/2027</t>
  </si>
  <si>
    <t>FR0013248523,VEOLIA ENVIRONNEMENT SA PARIS,1.5,4/3/2029</t>
  </si>
  <si>
    <t>FR0013248721,KERING PARIS,1.5,4/5/2027</t>
  </si>
  <si>
    <t>FR0013251170,AUTOROUTES DU SUD DE LA FRANCE PARIS,1.125,4/20/2026</t>
  </si>
  <si>
    <t>FR0013252277,ARKEMA SA PARIS,1.5,4/20/2027</t>
  </si>
  <si>
    <t>FR0013260551,SOC AUTOROUTES PARIS RHIN RHONE,1.625,1/13/2032</t>
  </si>
  <si>
    <t>FR0013260767,ENGIE COURBEVOIE,1.625,6/7/2032</t>
  </si>
  <si>
    <t>FR0013262698,COVIVIO METZ,1.5,6/21/2027</t>
  </si>
  <si>
    <t>FR0013264421,COENTREPRISE DE TRANSPORT D'ELEC SA PARIS,1.5,7/29/2028</t>
  </si>
  <si>
    <t>FR0013264439,COENTREPRISE DE TRANSPORT D'ELEC SA PARIS,2.125,7/29/2032</t>
  </si>
  <si>
    <t>FR0013264488,RATP PARIS,0.875,5/25/2027</t>
  </si>
  <si>
    <t>FR0013266350,GECINA,1.375,6/30/2027</t>
  </si>
  <si>
    <t>FR0013266368,GECINA,2,6/30/2032</t>
  </si>
  <si>
    <t>FR0013266848,LEGRAND FRANCE SA,1.875,7/6/2032</t>
  </si>
  <si>
    <t>FR0013283140,VEOLIA ENVIRONNEMENT SA PARIS,1.625,9/21/2032</t>
  </si>
  <si>
    <t>FR0013284205,GECINA,1.375,1/26/2028</t>
  </si>
  <si>
    <t>FR0013284254,ENGIE COURBEVOIE,1.375,2/28/2029</t>
  </si>
  <si>
    <t>FR0013284270,ENGIE COURBEVOIE,2,9/28/2037</t>
  </si>
  <si>
    <t>FR0013286788,COFIROUTE,1.125,10/13/2027</t>
  </si>
  <si>
    <t>FR0013290749,RESEAU DE TRANSPORT D'ELECTRICITE,1.875,10/23/2037</t>
  </si>
  <si>
    <t>FR0013293362,MERCIALYS SA,2,11/3/2027</t>
  </si>
  <si>
    <t>FR0013295722,SOC AUTOROUTES PARIS RHIN RHONE,1.5,1/17/2033</t>
  </si>
  <si>
    <t>FR0013298676,HOLDING INFRASTRUCTURES TRANSPORT,1.625,11/27/2027</t>
  </si>
  <si>
    <t>FR0013300605,KLEPIERRE PARIS,1.625,12/13/2032</t>
  </si>
  <si>
    <t>FR0013302197,AEROPORTS DE PARIS PARIS,1,12/13/2027</t>
  </si>
  <si>
    <t>FR0013302809,SCHNEIDER ELECTRIC SE PARIS,0.875,12/13/2026</t>
  </si>
  <si>
    <t>FR0013310224,ORANGE PARIS,1.375,1/16/2030</t>
  </si>
  <si>
    <t>FR0013310455,AUTOROUTES DU SUD DE LA FRANCE PARIS,1.375,1/22/2030</t>
  </si>
  <si>
    <t>FR0013320249,MERCIALYS SA,1.8,2/27/2026</t>
  </si>
  <si>
    <t>FR0013321080,LEGRAND FRANCE SA,1,3/6/2026</t>
  </si>
  <si>
    <t>FR0013321536,CARMILA SAS PARIS,2.125,3/7/2028</t>
  </si>
  <si>
    <t>FR0013322989,GECINA,1.625,3/14/2030</t>
  </si>
  <si>
    <t>FR0013323870,ORANGE PARIS,1.375,3/20/2028</t>
  </si>
  <si>
    <t>FR0013324340,SANOFI PARIS,1,3/21/2026</t>
  </si>
  <si>
    <t>FR0013324357,SANOFI PARIS,1.375,3/21/2030</t>
  </si>
  <si>
    <t>FR0013324373,SANOFI PARIS,1.875,3/21/2038</t>
  </si>
  <si>
    <t>FR0013327988,CAP GEMINI SERVICE SAS PARIS,1.75,4/18/2028</t>
  </si>
  <si>
    <t>FR0013330099,INFRA PARK SAS PARIS,1.625,4/19/2028</t>
  </si>
  <si>
    <t>FR0013332996,UNIBAIL RODAMCO SE PARIS,1.875,1/15/2031</t>
  </si>
  <si>
    <t>FR0013333002,UNIBAIL RODAMCO SE PARIS,2.25,5/14/2038</t>
  </si>
  <si>
    <t>FR0013344215,SCHNEIDER ELECTRIC SE PARIS,1.375,6/21/2027</t>
  </si>
  <si>
    <t>FR0013344686,ENGIE COURBEVOIE,1.375,6/22/2028</t>
  </si>
  <si>
    <t>FR0013346137,AUTOROUTES DU SUD DE LA FRANCE PARIS,1.375,6/27/2028</t>
  </si>
  <si>
    <t>FR0013357852,MICHELIN,1.75,9/3/2030</t>
  </si>
  <si>
    <t>FR0013357860,MICHELIN,2.5,9/3/2038</t>
  </si>
  <si>
    <t>FR0013359239,ORANGE PARIS,1.875,9/12/2030</t>
  </si>
  <si>
    <t>FR0013359254,VEOLIA ENVIRONNEMENT SA PARIS,1.625,9/17/2030</t>
  </si>
  <si>
    <t>FR0013365293,ENGIE COURBEVOIE,1.875,9/19/2033</t>
  </si>
  <si>
    <t>FR0013367638,VINCI RUEIL MALMAISON,1.75,9/26/2030</t>
  </si>
  <si>
    <t>FR0013368164,RESEAU DE TRANSPORT D'ELECTRICITE,1.5,9/27/2030</t>
  </si>
  <si>
    <t>FR0013368172,RESEAU DE TRANSPORT D'ELECTRICITE,2.125,9/27/2038</t>
  </si>
  <si>
    <t>FR0013368545,ELECTRICITE DE FRANCE PARIS,2,10/2/2030</t>
  </si>
  <si>
    <t>FR0013371549,AEROPORTS DE PARIS PARIS,2.125,10/11/2038</t>
  </si>
  <si>
    <t>FR0013382348,SOC AUTOROUTES PARIS RHIN RHONE,1.5,1/25/2030</t>
  </si>
  <si>
    <t>FR0013383213,CARREFOUR SA,1.75,5/4/2026</t>
  </si>
  <si>
    <t>FR0013384872,UNIBAIL RODAMCO SE PARIS,2,12/5/2033</t>
  </si>
  <si>
    <t>FR0013385473,VEOLIA ENVIRONNEMENT SA PARIS,1.94,1/7/2030</t>
  </si>
  <si>
    <t>FR0013385655,EDENRED SA PARIS,1.875,3/6/2026</t>
  </si>
  <si>
    <t>FR0013396520,ORANGE PARIS,2,1/15/2029</t>
  </si>
  <si>
    <t>FR0013396876,SCHNEIDER ELECTRIC SE PARIS,1.5,1/15/2028</t>
  </si>
  <si>
    <t>FR0013397288,SOC AUTOROUTES PARIS RHIN RHONE,1.25,1/18/2028</t>
  </si>
  <si>
    <t>FR0013397452,VINCI RUEIL MALMAISON,1.625,1/18/2029</t>
  </si>
  <si>
    <t>FR0013404571,AUTOROUTES DU SUD DE LA FRANCE PARIS,1.375,2/21/2031</t>
  </si>
  <si>
    <t>FR0013405032,UNIBAIL RODAMCO SE PARIS,1,2/27/2027</t>
  </si>
  <si>
    <t>FR0013405040,UNIBAIL RODAMCO SE PARIS,1.75,2/27/2034</t>
  </si>
  <si>
    <t>FR0013409844,SANOFI PARIS,0.875,3/21/2029</t>
  </si>
  <si>
    <t>FR0013409851,SANOFI PARIS,1.25,3/21/2034</t>
  </si>
  <si>
    <t>FR0013419736,CARREFOUR SA,1,5/17/2027</t>
  </si>
  <si>
    <t>FR0013422227,GECINA,1.625,5/29/2034</t>
  </si>
  <si>
    <t>FR0013426368,AEROPORTS DE PARIS PARIS,1.125,6/18/2034</t>
  </si>
  <si>
    <t>FR0013426731,RATP PARIS,0.35,6/20/2029</t>
  </si>
  <si>
    <t>FR0013428067,AIR LIQUIDE FINANCE PARIS,0.625,6/20/2030</t>
  </si>
  <si>
    <t>FR0013428489,ENGIE COURBEVOIE,0.375,6/21/2027</t>
  </si>
  <si>
    <t>FR0013428513,ENGIE COURBEVOIE,1.375,6/21/2039</t>
  </si>
  <si>
    <t>FR0013428943,LEGRAND FRANCE SA,0.625,6/24/2028</t>
  </si>
  <si>
    <t>FR0013430741,KLEPIERRE PARIS,0.625,7/1/2030</t>
  </si>
  <si>
    <t>FR0013430840,GROUPE VYV Paris,1.625,7/2/2029</t>
  </si>
  <si>
    <t>FR0013431715,UNIBAIL RODAMCO SE PARIS,1.75,7/1/2049</t>
  </si>
  <si>
    <t>FR0013433679,ORANGE PARIS,1.2,7/11/2034</t>
  </si>
  <si>
    <t>FR0013444544,DASSAULT SYSTEMES SA PARIS,0.125,9/16/2026</t>
  </si>
  <si>
    <t>FR0013444551,DASSAULT SYSTEMES SA PARIS,0.375,9/16/2029</t>
  </si>
  <si>
    <t>FR0013444676,ORANGE PARIS,0,9/4/2026</t>
  </si>
  <si>
    <t>FR0013444684,ORANGE PARIS,0.5,9/4/2032</t>
  </si>
  <si>
    <t>FR0013444692,ORANGE PARIS,1.375,9/4/2049</t>
  </si>
  <si>
    <t>FR0013444775,ENGIE COURBEVOIE,0,3/4/2027</t>
  </si>
  <si>
    <t>FR0013445137,RESEAU DE TRANSPORT D'ELECTRICITE,0,9/9/2027</t>
  </si>
  <si>
    <t>FR0013445152,RESEAU DE TRANSPORT D'ELECTRICITE,1.125,9/9/2049</t>
  </si>
  <si>
    <t>FR0013447166,PEUGEOT SA,1.125,9/18/2029</t>
  </si>
  <si>
    <t>FR0013447232,COVIVIO METZ,1.125,9/17/2031</t>
  </si>
  <si>
    <t>FR0013449998,ELIS,1.625,4/3/2028</t>
  </si>
  <si>
    <t>FR0013452620,VEOLIA ENVIRONNEMENT SA PARIS,0.5,10/14/2031</t>
  </si>
  <si>
    <t>FR0013453040,ALSTOM SA PARIS,0.25,10/14/2026</t>
  </si>
  <si>
    <t>FR0013453974,ALTAREA,1.875,1/17/2028</t>
  </si>
  <si>
    <t>FR0013455813,ENGIE COURBEVOIE,0.5,10/24/2030</t>
  </si>
  <si>
    <t>FR0013455821,ENGIE COURBEVOIE,1.25,10/24/2041</t>
  </si>
  <si>
    <t>FR0013456431,PERNOD RICARD,0.5,10/24/2027</t>
  </si>
  <si>
    <t>FR0013456449,PERNOD RICARD,0.875,10/24/2031</t>
  </si>
  <si>
    <t>FR0013456621,UNIBAIL RODAMCO SE PARIS,0.875,3/29/2032</t>
  </si>
  <si>
    <t>FR0013463668,ESSILOR INTERNATIONAL,0.375,11/27/2027</t>
  </si>
  <si>
    <t>FR0013463676,ESSILOR INTERNATIONAL,0.75,11/27/2031</t>
  </si>
  <si>
    <t>FR0013464815,ARKEMA SA PARIS,0.75,12/3/2029</t>
  </si>
  <si>
    <t>FR0013465424,ELECTRICITE DE FRANCE PARIS,2,12/9/2049</t>
  </si>
  <si>
    <t>FR0013476595,VEOLIA ENVIRONNEMENT SA PARIS,0.664,1/15/2031</t>
  </si>
  <si>
    <t>FR0013479748,THALES SA PARIS,0.25,1/29/2027</t>
  </si>
  <si>
    <t>FR0013482825,LVMH MOET-HENNESSY PARIS,0,2/11/2026</t>
  </si>
  <si>
    <t>FR0013482833,LVMH MOET-HENNESSY PARIS,0.125,2/11/2028</t>
  </si>
  <si>
    <t>FR0013482841,LVMH MOET-HENNESSY PARIS,0.375,2/11/2031</t>
  </si>
  <si>
    <t>FR0013486834,TEREGA SA,0.625,2/27/2028</t>
  </si>
  <si>
    <t>FR0013494168,SCHNEIDER ELECTRIC SE PARIS,0.25,3/11/2029</t>
  </si>
  <si>
    <t>FR0013495181,DANONE SA PARIS,0.571,3/17/2027</t>
  </si>
  <si>
    <t>FR0013504677,ENGIE COURBEVOIE,1.75,3/27/2028</t>
  </si>
  <si>
    <t>FR0013504693,ENGIE COURBEVOIE,2.125,3/30/2032</t>
  </si>
  <si>
    <t>FR0013505112,SANOFI PARIS,1.5,4/1/2030</t>
  </si>
  <si>
    <t>FR0013505260,CARREFOUR SA,2.625,12/15/2027</t>
  </si>
  <si>
    <t>FR0013505542,VEOLIA ENVIRONNEMENT SA PARIS,1.25,4/2/2027</t>
  </si>
  <si>
    <t>FR0013505567,AIR LIQUIDE FINANCE PARIS,1.375,4/2/2030</t>
  </si>
  <si>
    <t>FR0013505625,AEROPORTS DE PARIS PARIS,2.125,10/2/2026</t>
  </si>
  <si>
    <t>FR0013505633,AEROPORTS DE PARIS PARIS,2.75,4/2/2030</t>
  </si>
  <si>
    <t>FR0013506292,ORANGE PARIS,1.25,7/7/2027</t>
  </si>
  <si>
    <t>FR0013506300,ORANGE PARIS,1.625,4/7/2032</t>
  </si>
  <si>
    <t>FR0013506516,SOC AUTOROUTES PARIS RHIN RHONE,1.25,1/14/2027</t>
  </si>
  <si>
    <t>FR0013506532,PERNOD RICARD,1.75,4/8/2030</t>
  </si>
  <si>
    <t>FR0013506821,UNIBAIL RODAMCO SE PARIS,2.625,4/9/2030</t>
  </si>
  <si>
    <t>FR0013506862,SCHNEIDER ELECTRIC SE PARIS,1,4/9/2027</t>
  </si>
  <si>
    <t>FR0013507647,SNCF MOBILITES,0.625,4/17/2030</t>
  </si>
  <si>
    <t>FR0013507654,BOUYGUES SA PARIS,1.125,7/24/2028</t>
  </si>
  <si>
    <t>FR0013507704,VEOLIA ENVIRONNEMENT SA PARIS,1.25,4/15/2028</t>
  </si>
  <si>
    <t>FR0013507852,CAP GEMINI SERVICE SAS PARIS,1.625,4/15/2026</t>
  </si>
  <si>
    <t>FR0013507860,CAP GEMINI SERVICE SAS PARIS,2,4/15/2029</t>
  </si>
  <si>
    <t>FR0013507878,CAP GEMINI SERVICE SAS PARIS,2.375,4/15/2032</t>
  </si>
  <si>
    <t>FR0013509643,JC DECAUX SA,2.625,4/24/2028</t>
  </si>
  <si>
    <t>FR0013510823,HOLDING INFRASTRUCTURES TRANSPORT,2.5,5/4/2027</t>
  </si>
  <si>
    <t>FR0013512233,KLEPIERRE PARIS,2,5/12/2029</t>
  </si>
  <si>
    <t>FR0013512407,KERING PARIS,0.75,5/13/2028</t>
  </si>
  <si>
    <t>FR0013512449,VEOLIA ENVIRONNEMENT SA PARIS,1.25,5/14/2035</t>
  </si>
  <si>
    <t>FR0013512621,COFIROUTE,1,5/19/2031</t>
  </si>
  <si>
    <t>FR0013512944,PEUGEOT SA,2.75,5/15/2026</t>
  </si>
  <si>
    <t>FR0013512969,THALES SA PARIS,1,5/15/2028</t>
  </si>
  <si>
    <t>FR0013513538,LEGRAND FRANCE SA,0.75,5/20/2030</t>
  </si>
  <si>
    <t>FR0013515871,SOCIETE FONCIERE LYONNAISE SA PARIS,1.5,6/5/2027</t>
  </si>
  <si>
    <t>FR0013516069,ESSILOR INTERNATIONAL,0.375,1/5/2026</t>
  </si>
  <si>
    <t>FR0013516077,ESSILOR INTERNATIONAL,0.5,6/5/2028</t>
  </si>
  <si>
    <t>FR0013517026,DANONE SA PARIS,0.395,6/10/2029</t>
  </si>
  <si>
    <t>FR0013517059,VEOLIA ENVIRONNEMENT SA PARIS,0.8,1/15/2032</t>
  </si>
  <si>
    <t>FR0013517190,ENGIE COURBEVOIE,0.375,6/11/2027</t>
  </si>
  <si>
    <t>FR0013518099,SNCF MOBILITES,1,5/25/2040</t>
  </si>
  <si>
    <t>FR0013518537,EDENRED SA PARIS,1.375,6/18/2029</t>
  </si>
  <si>
    <t>FR0013519071,CAP GEMINI SERVICE SAS PARIS,1.125,6/23/2030</t>
  </si>
  <si>
    <t>FR0013519279,COVIVIO METZ,1.625,6/23/2030</t>
  </si>
  <si>
    <t>FR0013521267,UNIBAIL RODAMCO SE PARIS,2,6/29/2032</t>
  </si>
  <si>
    <t>FR0013522133,AEROPORTS DE PARIS PARIS,1,1/5/2029</t>
  </si>
  <si>
    <t>FR0013522141,AEROPORTS DE PARIS PARIS,1.5,7/2/2032</t>
  </si>
  <si>
    <t>FR0013522695,RESEAU DE TRANSPORT D'ELECTRICITE,0.625,7/8/2032</t>
  </si>
  <si>
    <t>FR0013522703,RESEAU DE TRANSPORT D'ELECTRICITE,1.125,7/8/2040</t>
  </si>
  <si>
    <t>FR0013533031,ORANO SA,2.75,3/8/2028</t>
  </si>
  <si>
    <t>FR0013534278,SOC AUTOROUTES PARIS RHIN RHONE,0.125,1/18/2029</t>
  </si>
  <si>
    <t>FR0013534484,ORANGE PARIS,0.125,9/16/2029</t>
  </si>
  <si>
    <t>FR0013534500,TEREGA SA,0.875,9/17/2030</t>
  </si>
  <si>
    <t>FR0013537305,THALES SA PARIS,0,3/26/2026</t>
  </si>
  <si>
    <t>FR00140005T0,ARKEMA SA PARIS,0.125,10/14/2026</t>
  </si>
  <si>
    <t>FR0014000C08,SNCF MOBILITES,0.875,2/28/2051</t>
  </si>
  <si>
    <t>FR0014000D31,MICHELIN,0,11/2/2028</t>
  </si>
  <si>
    <t>FR0014000D49,MICHELIN,0.25,11/2/2032</t>
  </si>
  <si>
    <t>FR0014000D56,MICHELIN,0.625,11/2/2040</t>
  </si>
  <si>
    <t>FR0014000KT3,KLEPIERRE PARIS,0.875,2/17/2031</t>
  </si>
  <si>
    <t>FR0014000PF1,VINCI RUEIL MALMAISON,0,11/27/2028</t>
  </si>
  <si>
    <t>FR0014000S75,TELEPERFORMANCE SE,0.25,11/26/2027</t>
  </si>
  <si>
    <t>FR0014000T33,CARMILA SAS PARIS,1.625,5/30/2027</t>
  </si>
  <si>
    <t>FR0014000UC8,UNIBAIL RODAMCO SE PARIS,0.625,5/4/2027</t>
  </si>
  <si>
    <t>FR0014000UD6,UNIBAIL RODAMCO SE PARIS,1.375,12/4/2031</t>
  </si>
  <si>
    <t>FR00140010J1,ALTAREA,1.75,1/16/2030</t>
  </si>
  <si>
    <t>FR0014001EW8,ALSTOM SA PARIS,0,1/11/2029</t>
  </si>
  <si>
    <t>FR0014001I50,VEOLIA ENVIRONNEMENT SA PARIS,0,1/14/2027</t>
  </si>
  <si>
    <t>FR0014001LV5,COVIVIO METZ,0.875,1/20/2033</t>
  </si>
  <si>
    <t>FR0014002C30,VEOLIA ENVIRONNEMENT SA PARIS,0,6/9/2026</t>
  </si>
  <si>
    <t>FR0014002G36,SAFRAN SA PARIS,0.75,3/17/2031</t>
  </si>
  <si>
    <t>FR0014002G44,SAFRAN SA PARIS,0.125,3/16/2026</t>
  </si>
  <si>
    <t>FR0014002QG3,CARMILA SAS PARIS,1.625,4/1/2029</t>
  </si>
  <si>
    <t>FR0014003MI6,UNIBAIL RODAMCO SE PARIS,1.375,5/25/2033</t>
  </si>
  <si>
    <t>FR0014003MJ4,UNIBAIL RODAMCO SE PARIS,0.75,10/25/2028</t>
  </si>
  <si>
    <t>FR0014003N69,AIR LIQUIDE FINANCE PARIS,0.375,5/27/2031</t>
  </si>
  <si>
    <t>FR0014003Q41,DANONE SA PARIS,0,12/1/2025</t>
  </si>
  <si>
    <t>FR0014003S72,WENDEL SA,1,6/1/2031</t>
  </si>
  <si>
    <t>FR00140049A8,GECINA,0.875,6/30/2036</t>
  </si>
  <si>
    <t>FR00140049Z5,ORANGE PARIS,0,6/29/2026</t>
  </si>
  <si>
    <t>FR0014004A06,ORANGE PARIS,0.75,6/29/2034</t>
  </si>
  <si>
    <t>FR0014004FR9,VINCI RUEIL MALMAISON,0.5,1/9/2032</t>
  </si>
  <si>
    <t>FR0014004QI5,COVIVIO HOTELS SACA,1,7/27/2029</t>
  </si>
  <si>
    <t>FR0014004QX4,ALSTOM SA PARIS,0.125,7/27/2027</t>
  </si>
  <si>
    <t>FR0014004R72,ALSTOM SA PARIS,0.5,7/27/2030</t>
  </si>
  <si>
    <t>FR0014005HY8,AIR LIQUIDE FINANCE PARIS,0.375,9/20/2033</t>
  </si>
  <si>
    <t>FR0014005OK3,LEGRAND FRANCE SA,0.375,10/6/2031</t>
  </si>
  <si>
    <t>FR0014005SC1,PERNOD RICARD,0.125,10/4/2029</t>
  </si>
  <si>
    <t>FR0014005ZP8,ENGIE COURBEVOIE,0.375,10/26/2029</t>
  </si>
  <si>
    <t>FR0014005ZQ6,ENGIE COURBEVOIE,1,10/26/2036</t>
  </si>
  <si>
    <t>FR00140060E7,SOCIETE FONCIERE LYONNAISE SA PARIS,0.5,4/21/2028</t>
  </si>
  <si>
    <t>FR0014006CS9,BOUYGUES SA PARIS,0.5,2/11/2030</t>
  </si>
  <si>
    <t>FR0014006FB8,ARGAN,1.011,11/17/2026</t>
  </si>
  <si>
    <t>FR0014006FE2,DANONE SA PARIS,0.52,11/9/2030</t>
  </si>
  <si>
    <t>FR0014006IV0,SOC AUTOROUTES PARIS RHIN RHONE,0,6/19/2028</t>
  </si>
  <si>
    <t>FR0014006TQ7,TDF INFRASTRUCTURE PARIS,1.75,12/1/2029</t>
  </si>
  <si>
    <t>FR0014006UO0,ELECTRICITE DE FRANCE PARIS,1,11/29/2033</t>
  </si>
  <si>
    <t>FR0014006VH2,WENDEL SA,1.375,1/18/2034</t>
  </si>
  <si>
    <t>FR0014006ZC4,ORANGE PARIS,0.625,12/16/2033</t>
  </si>
  <si>
    <t>FR0014007LP4,RESEAU DE TRANSPORT D'ELECTRICITE,0.75,1/12/2034</t>
  </si>
  <si>
    <t>FR0014007VP3,GECINA,0.875,1/25/2033</t>
  </si>
  <si>
    <t>FR00140082Z6,JC DECAUX SA,1.625,2/7/2030</t>
  </si>
  <si>
    <t>FR0014008JQ4,MERCIALYS SA,2.5,2/28/2029</t>
  </si>
  <si>
    <t>FR0014009DZ6,CARREFOUR SA,1.875,10/30/2026</t>
  </si>
  <si>
    <t>FR0014009E07,CARREFOUR SA,2.375,10/30/2029</t>
  </si>
  <si>
    <t>FR0014009EJ8,L OREAL SA,0.875,6/29/2026</t>
  </si>
  <si>
    <t>FR0014009L57,PERNOD RICARD,1.375,4/7/2029</t>
  </si>
  <si>
    <t>FR001400A5M7,KERING PARIS,1.875,5/5/2030</t>
  </si>
  <si>
    <t>FR001400AF72,ORANGE PARIS,2.375,5/18/2032</t>
  </si>
  <si>
    <t>FR001400AFL5,SUEZ ENVIRONNEMENT COMPANY,1.875,5/24/2027</t>
  </si>
  <si>
    <t>FR001400AFN1,SUEZ ENVIRONNEMENT COMPANY,2.375,5/24/2030</t>
  </si>
  <si>
    <t>FR001400AFO9,SUEZ ENVIRONNEMENT COMPANY,2.875,5/24/2034</t>
  </si>
  <si>
    <t>FR001400AJX2,BOUYGUES SA PARIS,2.25,6/29/2029</t>
  </si>
  <si>
    <t>FR001400AJY0,BOUYGUES SA PARIS,3.25,6/30/2037</t>
  </si>
  <si>
    <t>FR001400AK26,ELIS,4.125,5/24/2027</t>
  </si>
  <si>
    <t>FR001400AOL7,SOC AUTOROUTES PARIS RHIN RHONE,1.875,1/3/2029</t>
  </si>
  <si>
    <t>FR001400ASK0,TELEPERFORMANCE SE,3.75,6/24/2029</t>
  </si>
  <si>
    <t>FR001400CH94,AUTOROUTES DU SUD DE LA FRANCE PARIS,2.75,9/2/2032</t>
  </si>
  <si>
    <t>FR001400CJG3,DANONE SA PARIS,3.071,9/7/2032</t>
  </si>
  <si>
    <t>FR001400CND2,AIR LIQUIDE FINANCE PARIS,2.875,9/16/2032</t>
  </si>
  <si>
    <t>FR001400D0F9,CARREFOUR SA,4.125,10/12/2028</t>
  </si>
  <si>
    <t>FR001400D6M2,ELECTRICITE DE FRANCE PARIS,3.875,1/12/2027</t>
  </si>
  <si>
    <t>FR001400D6N0,ELECTRICITE DE FRANCE PARIS,4.375,10/12/2029</t>
  </si>
  <si>
    <t>FR001400D6O8,ELECTRICITE DE FRANCE PARIS,4.75,10/12/2034</t>
  </si>
  <si>
    <t>FR001400DOV0,PERNOD RICARD,3.25,11/2/2028</t>
  </si>
  <si>
    <t>FR001400DP44,PERNOD RICARD,3.75,11/2/2032</t>
  </si>
  <si>
    <t>FR001400DQ84,SUEZ ENVIRONNEMENT COMPANY,4.625,11/3/2028</t>
  </si>
  <si>
    <t>FR001400DQ92,SUEZ ENVIRONNEMENT COMPANY,5,11/3/2032</t>
  </si>
  <si>
    <t>FR001400DT99,SCHNEIDER ELECTRIC SE PARIS,3.25,11/9/2027</t>
  </si>
  <si>
    <t>FR001400DTA3,SCHNEIDER ELECTRIC SE PARIS,3.5,11/9/2032</t>
  </si>
  <si>
    <t>FR001400DY43,ORANGE PARIS,3.625,11/16/2031</t>
  </si>
  <si>
    <t>FR001400F1G3,ENGIE COURBEVOIE,3.625,1/11/2030</t>
  </si>
  <si>
    <t>FR001400F1I9,ENGIE COURBEVOIE,4,1/11/2035</t>
  </si>
  <si>
    <t>FR001400F1M1,ENGIE COURBEVOIE,4.25,1/11/2043</t>
  </si>
  <si>
    <t>FR001400F703,SCHNEIDER ELECTRIC SE PARIS,3.125,10/13/2029</t>
  </si>
  <si>
    <t>FR001400F711,SCHNEIDER ELECTRIC SE PARIS,3.375,4/13/2034</t>
  </si>
  <si>
    <t>FR001400FAZ5,ARKEMA SA PARIS,3.5,1/23/2031</t>
  </si>
  <si>
    <t>FR001400FDB0,ELECTRICITE DE FRANCE PARIS,4.25,1/25/2032</t>
  </si>
  <si>
    <t>FR001400FDC8,ELECTRICITE DE FRANCE PARIS,4.625,1/25/2043</t>
  </si>
  <si>
    <t>FR001400G3Y1,KERING PARIS,3.25,2/27/2029</t>
  </si>
  <si>
    <t>FR001400G412,KERING PARIS,3.375,2/27/2033</t>
  </si>
  <si>
    <t>FR001400HJE7,LVMH MOET-HENNESSY PARIS,3.375,10/21/2025</t>
  </si>
  <si>
    <t>FR001400HU68,CARREFOUR SA,3.75,10/10/2030</t>
  </si>
  <si>
    <t>FR001400I3C5,DANONE SA PARIS,3.47,5/22/2031</t>
  </si>
  <si>
    <t>FR001400IJT3,SCHNEIDER ELECTRIC SE PARIS,3.25,6/12/2028</t>
  </si>
  <si>
    <t>FR001400IJU1,SCHNEIDER ELECTRIC SE PARIS,3.5,6/12/2033</t>
  </si>
  <si>
    <t>FR001400KHW7,KERING PARIS,3.625,9/5/2031</t>
  </si>
  <si>
    <t>FR001400KHX5,KERING PARIS,3.875,9/5/2035</t>
  </si>
  <si>
    <t>FR001400KPC2,PERNOD RICARD,3.75,9/15/2033</t>
  </si>
  <si>
    <t>FR001400LUK3,CARREFOUR SA,4.375,11/14/2031</t>
  </si>
  <si>
    <t>FR001400M2F4,TELEPERFORMANCE SE,5.25,11/22/2028</t>
  </si>
  <si>
    <t>FR001400M2G2,TELEPERFORMANCE SE,5.75,11/22/2031</t>
  </si>
  <si>
    <t>FR001400M2R9,ARKEMA SA PARIS,4.25,5/20/2030</t>
  </si>
  <si>
    <t>FR001400MDV4,COVIVIO METZ,4.625,6/5/2032</t>
  </si>
  <si>
    <t>FR001400MLN4,UNIBAIL RODAMCO SE PARIS,4.125,12/11/2030</t>
  </si>
  <si>
    <t>FR001400NDQ2,KLEPIERRE PARIS,3.875,9/23/2033</t>
  </si>
  <si>
    <t>FR001400OJC7,ENGIE COURBEVOIE,3.875,3/6/2036</t>
  </si>
  <si>
    <t>FR001400OM10,KERING PARIS,3.375,3/11/2032</t>
  </si>
  <si>
    <t>FR001400OM28,KERING PARIS,3.625,3/11/2036</t>
  </si>
  <si>
    <t>FR001400PU35,DANONE SA PARIS,3.481,5/3/2030</t>
  </si>
  <si>
    <t>FR001400QQ30,LEGRAND FRANCE SA,3.5,6/26/2034</t>
  </si>
  <si>
    <t>FR001400SCY7,SCHNEIDER ELECTRIC SE PARIS,3,9/3/2030</t>
  </si>
  <si>
    <t>FR001400SCZ4,SCHNEIDER ELECTRIC SE PARIS,3.375,9/3/2036</t>
  </si>
  <si>
    <t>FR001400SHQ2,DANONE SA PARIS,3.2,9/12/2031</t>
  </si>
  <si>
    <t>FR001400SJS4,ARKEMA SA PARIS,3.5,9/12/2034</t>
  </si>
  <si>
    <t>FR001400TT34,L OREAL SA,2.5,11/6/2027</t>
  </si>
  <si>
    <t>FR001400TT42,L OREAL SA,2.875,11/6/2031</t>
  </si>
  <si>
    <t>FR001400U595,KERING PARIS,3.625,11/21/2034</t>
  </si>
  <si>
    <t>XS0162990229,ELECTRICITE DE FRANCE PARIS,5.625,2/21/2033</t>
  </si>
  <si>
    <t>XS0994991411,TOTAL CAPITAL INTERNATIONAL SA,2.875,11/19/2025</t>
  </si>
  <si>
    <t>XS1048519679,TOTAL CAPITAL INTERNATIONAL SA,2.5,3/25/2026</t>
  </si>
  <si>
    <t>XS1074055770,UNIBAIL RODAMCO SE PARIS,2.5,6/4/2026</t>
  </si>
  <si>
    <t>XS1080163964,SODEXO SA PARIS,2.5,6/24/2026</t>
  </si>
  <si>
    <t>XS1112013666,WPP FINANCE SA PARIS,2.25,9/22/2026</t>
  </si>
  <si>
    <t>XS1218363270,UNIBAIL RODAMCO SE PARIS,1.375,4/15/2030</t>
  </si>
  <si>
    <t>XS1289209436,ORANGE PARIS,2.6,9/17/2030</t>
  </si>
  <si>
    <t>XS1376614118,UNIBAIL RODAMCO SE PARIS,1.375,3/9/2026</t>
  </si>
  <si>
    <t>XS1401196958,UNIBAIL RODAMCO SE PARIS,1.125,4/28/2027</t>
  </si>
  <si>
    <t>XS1401197253,UNIBAIL RODAMCO SE PARIS,2,4/28/2036</t>
  </si>
  <si>
    <t>XS1410426024,AXA SA NANTERRE,1.125,5/15/2028</t>
  </si>
  <si>
    <t>XS1443997819,TOTAL CAPITAL INTERNATIONAL SA,0.75,7/12/2028</t>
  </si>
  <si>
    <t>XS1505132602,SODEXO SA PARIS,0.75,4/14/2027</t>
  </si>
  <si>
    <t>XS1558472129,SNCF MOBILITES,1.5,2/2/2029</t>
  </si>
  <si>
    <t>XS1569845404,UNIBAIL RODAMCO SE PARIS,1.5,2/22/2028</t>
  </si>
  <si>
    <t>XS1619568303,UNIBAIL RODAMCO SE PARIS,1.5,5/29/2029</t>
  </si>
  <si>
    <t>XS1619568998,UNIBAIL RODAMCO SE PARIS,2,5/29/2037</t>
  </si>
  <si>
    <t>XS1627193359,COMPAGNIE DE SAINT GOBAIN PARIS,1.375,6/14/2027</t>
  </si>
  <si>
    <t>XS1693818525,TOTAL CAPITAL INTERNATIONAL SA,1.375,10/4/2029</t>
  </si>
  <si>
    <t>XS1772457633,COVIVIO METZ,2.375,2/20/2028</t>
  </si>
  <si>
    <t>XS1793349926,COMPAGNIE DE SAINT GOBAIN PARIS,1.125,3/23/2026</t>
  </si>
  <si>
    <t>XS1874122267,TOTAL CAPITAL INTERNATIONAL SA,1.491,9/4/2030</t>
  </si>
  <si>
    <t>XS1874122770,TOTAL CAPITAL INTERNATIONAL SA,1.023,3/4/2027</t>
  </si>
  <si>
    <t>XS1881593971,COMPAGNIE DE SAINT GOBAIN PARIS,1.875,9/21/2028</t>
  </si>
  <si>
    <t>XS1898256257,SCHLUMBERGER FINANCE FRA SAS PARIS,1,2/18/2026</t>
  </si>
  <si>
    <t>XS1962571011,COMPAGNIE DE SAINT GOBAIN PARIS,1.875,3/15/2031</t>
  </si>
  <si>
    <t>XS2004381245,TOTAL CAPITAL INTERNATIONAL SA,1.535,5/31/2039</t>
  </si>
  <si>
    <t>XS2004381674,TOTAL CAPITAL INTERNATIONAL SA,0.696,5/31/2028</t>
  </si>
  <si>
    <t>XS2150054372,COMPAGNIE DE SAINT GOBAIN PARIS,2.375,10/4/2027</t>
  </si>
  <si>
    <t>XS2153406868,TOTAL CAPITAL INTERNATIONAL SA,1.491,4/8/2027</t>
  </si>
  <si>
    <t>XS2153409029,TOTAL CAPITAL INTERNATIONAL SA,1.994,4/8/2032</t>
  </si>
  <si>
    <t>XS2163333656,SODEXO SA PARIS,1,4/27/2029</t>
  </si>
  <si>
    <t>XS2166619663,FIRMENICH PRODUCTIONS PARTICIPATIONS SAS PARIS,1.375,10/30/2026</t>
  </si>
  <si>
    <t>XS2166619820,FIRMENICH PRODUCTIONS PARTICIPATIONS SAS PARIS,1.75,4/30/2030</t>
  </si>
  <si>
    <t>XS2176562812,WPP FINANCE SA PARIS,2.375,5/19/2027</t>
  </si>
  <si>
    <t>XS2176569312,TOTAL CAPITAL INTERNATIONAL SA,1.618,5/18/2040</t>
  </si>
  <si>
    <t>XS2176605306,TOTAL CAPITAL INTERNATIONAL SA,0.952,5/18/2031</t>
  </si>
  <si>
    <t>XS2203996132,SODEXO SA PARIS,1,7/17/2028</t>
  </si>
  <si>
    <t>XS2231183646,HOLDING INFRASTRUCTURES TRANSPORT,1.625,9/18/2029</t>
  </si>
  <si>
    <t>XS2342058117,HOLDING INFRASTRUCTURES TRANSPORT,0.625,9/14/2028</t>
  </si>
  <si>
    <t>XS2433135543,HOLDING INFRASTRUCTURES TRANSPORT,1.475,1/18/2031</t>
  </si>
  <si>
    <t>XS2517103334,COMPAGNIE DE SAINT GOBAIN PARIS,2.625,8/10/2032</t>
  </si>
  <si>
    <t>XS2517103417,COMPAGNIE DE SAINT GOBAIN PARIS,2.125,6/10/2028</t>
  </si>
  <si>
    <t>XS2537251170,AXA SA NANTERRE,3.75,10/12/2030</t>
  </si>
  <si>
    <t>XS2573807778,AXA SA NANTERRE,3.625,1/10/2033</t>
  </si>
  <si>
    <t>XS2576245281,COMPAGNIE DE SAINT GOBAIN PARIS,3.5,1/18/2029</t>
  </si>
  <si>
    <t>XS2626022573,WPP FINANCE SA PARIS,4.125,5/30/202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">
    <xf numFmtId="0" fontId="0" fillId="0" borderId="0" xfId="0"/>
  </cellXfs>
  <cellStyles count="42">
    <cellStyle name="20 % - Accent1" xfId="19" builtinId="30" customBuiltin="1"/>
    <cellStyle name="20 % - Accent2" xfId="23" builtinId="34" customBuiltin="1"/>
    <cellStyle name="20 % - Accent3" xfId="27" builtinId="38" customBuiltin="1"/>
    <cellStyle name="20 % - Accent4" xfId="31" builtinId="42" customBuiltin="1"/>
    <cellStyle name="20 % - Accent5" xfId="35" builtinId="46" customBuiltin="1"/>
    <cellStyle name="20 % - Accent6" xfId="39" builtinId="50" customBuiltin="1"/>
    <cellStyle name="40 % - Accent1" xfId="20" builtinId="31" customBuiltin="1"/>
    <cellStyle name="40 % - Accent2" xfId="24" builtinId="35" customBuiltin="1"/>
    <cellStyle name="40 % - Accent3" xfId="28" builtinId="39" customBuiltin="1"/>
    <cellStyle name="40 % - Accent4" xfId="32" builtinId="43" customBuiltin="1"/>
    <cellStyle name="40 % - Accent5" xfId="36" builtinId="47" customBuiltin="1"/>
    <cellStyle name="40 % - Accent6" xfId="40" builtinId="51" customBuiltin="1"/>
    <cellStyle name="60 % - Accent1" xfId="21" builtinId="32" customBuiltin="1"/>
    <cellStyle name="60 % - Accent2" xfId="25" builtinId="36" customBuiltin="1"/>
    <cellStyle name="60 % - Accent3" xfId="29" builtinId="40" customBuiltin="1"/>
    <cellStyle name="60 % - Accent4" xfId="33" builtinId="44" customBuiltin="1"/>
    <cellStyle name="60 % - Accent5" xfId="37" builtinId="48" customBuiltin="1"/>
    <cellStyle name="60 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Avertissement" xfId="14" builtinId="11" customBuiltin="1"/>
    <cellStyle name="Calcul" xfId="11" builtinId="22" customBuiltin="1"/>
    <cellStyle name="Cellule liée" xfId="12" builtinId="24" customBuiltin="1"/>
    <cellStyle name="Entrée" xfId="9" builtinId="20" customBuiltin="1"/>
    <cellStyle name="Insatisfaisant" xfId="7" builtinId="27" customBuiltin="1"/>
    <cellStyle name="Neutre" xfId="8" builtinId="28" customBuiltin="1"/>
    <cellStyle name="Normal" xfId="0" builtinId="0"/>
    <cellStyle name="Note" xfId="15" builtinId="10" customBuiltin="1"/>
    <cellStyle name="Satisfaisant" xfId="6" builtinId="26" customBuiltin="1"/>
    <cellStyle name="Sortie" xfId="10" builtinId="21" customBuiltin="1"/>
    <cellStyle name="Texte explicatif" xfId="16" builtinId="53" customBuiltin="1"/>
    <cellStyle name="Titre" xfId="1" builtinId="15" customBuiltin="1"/>
    <cellStyle name="Titre 1" xfId="2" builtinId="16" customBuiltin="1"/>
    <cellStyle name="Titre 2" xfId="3" builtinId="17" customBuiltin="1"/>
    <cellStyle name="Titre 3" xfId="4" builtinId="18" customBuiltin="1"/>
    <cellStyle name="Titre 4" xfId="5" builtinId="19" customBuiltin="1"/>
    <cellStyle name="Total" xfId="17" builtinId="25" customBuiltin="1"/>
    <cellStyle name="Vérification" xfId="13" builtinId="23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75"/>
  <sheetViews>
    <sheetView tabSelected="1" workbookViewId="0"/>
  </sheetViews>
  <sheetFormatPr baseColWidth="10" defaultRowHeight="15" x14ac:dyDescent="0.25"/>
  <sheetData>
    <row r="1" spans="1:1" x14ac:dyDescent="0.25">
      <c r="A1" t="s">
        <v>0</v>
      </c>
    </row>
    <row r="2" spans="1:1" x14ac:dyDescent="0.25">
      <c r="A2" t="s">
        <v>1</v>
      </c>
    </row>
    <row r="3" spans="1:1" x14ac:dyDescent="0.25">
      <c r="A3" t="s">
        <v>2</v>
      </c>
    </row>
    <row r="4" spans="1:1" x14ac:dyDescent="0.25">
      <c r="A4" t="s">
        <v>3</v>
      </c>
    </row>
    <row r="5" spans="1:1" x14ac:dyDescent="0.25">
      <c r="A5" t="s">
        <v>4</v>
      </c>
    </row>
    <row r="6" spans="1:1" x14ac:dyDescent="0.25">
      <c r="A6" t="s">
        <v>5</v>
      </c>
    </row>
    <row r="7" spans="1:1" x14ac:dyDescent="0.25">
      <c r="A7" t="s">
        <v>6</v>
      </c>
    </row>
    <row r="8" spans="1:1" x14ac:dyDescent="0.25">
      <c r="A8" t="s">
        <v>7</v>
      </c>
    </row>
    <row r="9" spans="1:1" x14ac:dyDescent="0.25">
      <c r="A9" t="s">
        <v>8</v>
      </c>
    </row>
    <row r="10" spans="1:1" x14ac:dyDescent="0.25">
      <c r="A10" t="s">
        <v>9</v>
      </c>
    </row>
    <row r="11" spans="1:1" x14ac:dyDescent="0.25">
      <c r="A11" t="s">
        <v>10</v>
      </c>
    </row>
    <row r="12" spans="1:1" x14ac:dyDescent="0.25">
      <c r="A12" t="s">
        <v>11</v>
      </c>
    </row>
    <row r="13" spans="1:1" x14ac:dyDescent="0.25">
      <c r="A13" t="s">
        <v>12</v>
      </c>
    </row>
    <row r="14" spans="1:1" x14ac:dyDescent="0.25">
      <c r="A14" t="s">
        <v>13</v>
      </c>
    </row>
    <row r="15" spans="1:1" x14ac:dyDescent="0.25">
      <c r="A15" t="s">
        <v>14</v>
      </c>
    </row>
    <row r="16" spans="1:1" x14ac:dyDescent="0.25">
      <c r="A16" t="s">
        <v>15</v>
      </c>
    </row>
    <row r="17" spans="1:1" x14ac:dyDescent="0.25">
      <c r="A17" t="s">
        <v>16</v>
      </c>
    </row>
    <row r="18" spans="1:1" x14ac:dyDescent="0.25">
      <c r="A18" t="s">
        <v>17</v>
      </c>
    </row>
    <row r="19" spans="1:1" x14ac:dyDescent="0.25">
      <c r="A19" t="s">
        <v>18</v>
      </c>
    </row>
    <row r="20" spans="1:1" x14ac:dyDescent="0.25">
      <c r="A20" t="s">
        <v>19</v>
      </c>
    </row>
    <row r="21" spans="1:1" x14ac:dyDescent="0.25">
      <c r="A21" t="s">
        <v>20</v>
      </c>
    </row>
    <row r="22" spans="1:1" x14ac:dyDescent="0.25">
      <c r="A22" t="s">
        <v>21</v>
      </c>
    </row>
    <row r="23" spans="1:1" x14ac:dyDescent="0.25">
      <c r="A23" t="s">
        <v>22</v>
      </c>
    </row>
    <row r="24" spans="1:1" x14ac:dyDescent="0.25">
      <c r="A24" t="s">
        <v>23</v>
      </c>
    </row>
    <row r="25" spans="1:1" x14ac:dyDescent="0.25">
      <c r="A25" t="s">
        <v>24</v>
      </c>
    </row>
    <row r="26" spans="1:1" x14ac:dyDescent="0.25">
      <c r="A26" t="s">
        <v>25</v>
      </c>
    </row>
    <row r="27" spans="1:1" x14ac:dyDescent="0.25">
      <c r="A27" t="s">
        <v>26</v>
      </c>
    </row>
    <row r="28" spans="1:1" x14ac:dyDescent="0.25">
      <c r="A28" t="s">
        <v>27</v>
      </c>
    </row>
    <row r="29" spans="1:1" x14ac:dyDescent="0.25">
      <c r="A29" t="s">
        <v>28</v>
      </c>
    </row>
    <row r="30" spans="1:1" x14ac:dyDescent="0.25">
      <c r="A30" t="s">
        <v>29</v>
      </c>
    </row>
    <row r="31" spans="1:1" x14ac:dyDescent="0.25">
      <c r="A31" t="s">
        <v>30</v>
      </c>
    </row>
    <row r="32" spans="1:1" x14ac:dyDescent="0.25">
      <c r="A32" t="s">
        <v>31</v>
      </c>
    </row>
    <row r="33" spans="1:1" x14ac:dyDescent="0.25">
      <c r="A33" t="s">
        <v>32</v>
      </c>
    </row>
    <row r="34" spans="1:1" x14ac:dyDescent="0.25">
      <c r="A34" t="s">
        <v>33</v>
      </c>
    </row>
    <row r="35" spans="1:1" x14ac:dyDescent="0.25">
      <c r="A35" t="s">
        <v>34</v>
      </c>
    </row>
    <row r="36" spans="1:1" x14ac:dyDescent="0.25">
      <c r="A36" t="s">
        <v>35</v>
      </c>
    </row>
    <row r="37" spans="1:1" x14ac:dyDescent="0.25">
      <c r="A37" t="s">
        <v>36</v>
      </c>
    </row>
    <row r="38" spans="1:1" x14ac:dyDescent="0.25">
      <c r="A38" t="s">
        <v>37</v>
      </c>
    </row>
    <row r="39" spans="1:1" x14ac:dyDescent="0.25">
      <c r="A39" t="s">
        <v>38</v>
      </c>
    </row>
    <row r="40" spans="1:1" x14ac:dyDescent="0.25">
      <c r="A40" t="s">
        <v>39</v>
      </c>
    </row>
    <row r="41" spans="1:1" x14ac:dyDescent="0.25">
      <c r="A41" t="s">
        <v>40</v>
      </c>
    </row>
    <row r="42" spans="1:1" x14ac:dyDescent="0.25">
      <c r="A42" t="s">
        <v>41</v>
      </c>
    </row>
    <row r="43" spans="1:1" x14ac:dyDescent="0.25">
      <c r="A43" t="s">
        <v>42</v>
      </c>
    </row>
    <row r="44" spans="1:1" x14ac:dyDescent="0.25">
      <c r="A44" t="s">
        <v>43</v>
      </c>
    </row>
    <row r="45" spans="1:1" x14ac:dyDescent="0.25">
      <c r="A45" t="s">
        <v>44</v>
      </c>
    </row>
    <row r="46" spans="1:1" x14ac:dyDescent="0.25">
      <c r="A46" t="s">
        <v>45</v>
      </c>
    </row>
    <row r="47" spans="1:1" x14ac:dyDescent="0.25">
      <c r="A47" t="s">
        <v>46</v>
      </c>
    </row>
    <row r="48" spans="1:1" x14ac:dyDescent="0.25">
      <c r="A48" t="s">
        <v>47</v>
      </c>
    </row>
    <row r="49" spans="1:1" x14ac:dyDescent="0.25">
      <c r="A49" t="s">
        <v>48</v>
      </c>
    </row>
    <row r="50" spans="1:1" x14ac:dyDescent="0.25">
      <c r="A50" t="s">
        <v>49</v>
      </c>
    </row>
    <row r="51" spans="1:1" x14ac:dyDescent="0.25">
      <c r="A51" t="s">
        <v>50</v>
      </c>
    </row>
    <row r="52" spans="1:1" x14ac:dyDescent="0.25">
      <c r="A52" t="s">
        <v>51</v>
      </c>
    </row>
    <row r="53" spans="1:1" x14ac:dyDescent="0.25">
      <c r="A53" t="s">
        <v>52</v>
      </c>
    </row>
    <row r="54" spans="1:1" x14ac:dyDescent="0.25">
      <c r="A54" t="s">
        <v>53</v>
      </c>
    </row>
    <row r="55" spans="1:1" x14ac:dyDescent="0.25">
      <c r="A55" t="s">
        <v>54</v>
      </c>
    </row>
    <row r="56" spans="1:1" x14ac:dyDescent="0.25">
      <c r="A56" t="s">
        <v>55</v>
      </c>
    </row>
    <row r="57" spans="1:1" x14ac:dyDescent="0.25">
      <c r="A57" t="s">
        <v>56</v>
      </c>
    </row>
    <row r="58" spans="1:1" x14ac:dyDescent="0.25">
      <c r="A58" t="s">
        <v>57</v>
      </c>
    </row>
    <row r="59" spans="1:1" x14ac:dyDescent="0.25">
      <c r="A59" t="s">
        <v>58</v>
      </c>
    </row>
    <row r="60" spans="1:1" x14ac:dyDescent="0.25">
      <c r="A60" t="s">
        <v>59</v>
      </c>
    </row>
    <row r="61" spans="1:1" x14ac:dyDescent="0.25">
      <c r="A61" t="s">
        <v>60</v>
      </c>
    </row>
    <row r="62" spans="1:1" x14ac:dyDescent="0.25">
      <c r="A62" t="s">
        <v>61</v>
      </c>
    </row>
    <row r="63" spans="1:1" x14ac:dyDescent="0.25">
      <c r="A63" t="s">
        <v>62</v>
      </c>
    </row>
    <row r="64" spans="1:1" x14ac:dyDescent="0.25">
      <c r="A64" t="s">
        <v>63</v>
      </c>
    </row>
    <row r="65" spans="1:1" x14ac:dyDescent="0.25">
      <c r="A65" t="s">
        <v>64</v>
      </c>
    </row>
    <row r="66" spans="1:1" x14ac:dyDescent="0.25">
      <c r="A66" t="s">
        <v>65</v>
      </c>
    </row>
    <row r="67" spans="1:1" x14ac:dyDescent="0.25">
      <c r="A67" t="s">
        <v>66</v>
      </c>
    </row>
    <row r="68" spans="1:1" x14ac:dyDescent="0.25">
      <c r="A68" t="s">
        <v>67</v>
      </c>
    </row>
    <row r="69" spans="1:1" x14ac:dyDescent="0.25">
      <c r="A69" t="s">
        <v>68</v>
      </c>
    </row>
    <row r="70" spans="1:1" x14ac:dyDescent="0.25">
      <c r="A70" t="s">
        <v>69</v>
      </c>
    </row>
    <row r="71" spans="1:1" x14ac:dyDescent="0.25">
      <c r="A71" t="s">
        <v>70</v>
      </c>
    </row>
    <row r="72" spans="1:1" x14ac:dyDescent="0.25">
      <c r="A72" t="s">
        <v>71</v>
      </c>
    </row>
    <row r="73" spans="1:1" x14ac:dyDescent="0.25">
      <c r="A73" t="s">
        <v>72</v>
      </c>
    </row>
    <row r="74" spans="1:1" x14ac:dyDescent="0.25">
      <c r="A74" t="s">
        <v>73</v>
      </c>
    </row>
    <row r="75" spans="1:1" x14ac:dyDescent="0.25">
      <c r="A75" t="s">
        <v>74</v>
      </c>
    </row>
    <row r="76" spans="1:1" x14ac:dyDescent="0.25">
      <c r="A76" t="s">
        <v>75</v>
      </c>
    </row>
    <row r="77" spans="1:1" x14ac:dyDescent="0.25">
      <c r="A77" t="s">
        <v>76</v>
      </c>
    </row>
    <row r="78" spans="1:1" x14ac:dyDescent="0.25">
      <c r="A78" t="s">
        <v>77</v>
      </c>
    </row>
    <row r="79" spans="1:1" x14ac:dyDescent="0.25">
      <c r="A79" t="s">
        <v>78</v>
      </c>
    </row>
    <row r="80" spans="1:1" x14ac:dyDescent="0.25">
      <c r="A80" t="s">
        <v>79</v>
      </c>
    </row>
    <row r="81" spans="1:1" x14ac:dyDescent="0.25">
      <c r="A81" t="s">
        <v>80</v>
      </c>
    </row>
    <row r="82" spans="1:1" x14ac:dyDescent="0.25">
      <c r="A82" t="s">
        <v>81</v>
      </c>
    </row>
    <row r="83" spans="1:1" x14ac:dyDescent="0.25">
      <c r="A83" t="s">
        <v>82</v>
      </c>
    </row>
    <row r="84" spans="1:1" x14ac:dyDescent="0.25">
      <c r="A84" t="s">
        <v>83</v>
      </c>
    </row>
    <row r="85" spans="1:1" x14ac:dyDescent="0.25">
      <c r="A85" t="s">
        <v>84</v>
      </c>
    </row>
    <row r="86" spans="1:1" x14ac:dyDescent="0.25">
      <c r="A86" t="s">
        <v>85</v>
      </c>
    </row>
    <row r="87" spans="1:1" x14ac:dyDescent="0.25">
      <c r="A87" t="s">
        <v>86</v>
      </c>
    </row>
    <row r="88" spans="1:1" x14ac:dyDescent="0.25">
      <c r="A88" t="s">
        <v>87</v>
      </c>
    </row>
    <row r="89" spans="1:1" x14ac:dyDescent="0.25">
      <c r="A89" t="s">
        <v>88</v>
      </c>
    </row>
    <row r="90" spans="1:1" x14ac:dyDescent="0.25">
      <c r="A90" t="s">
        <v>89</v>
      </c>
    </row>
    <row r="91" spans="1:1" x14ac:dyDescent="0.25">
      <c r="A91" t="s">
        <v>90</v>
      </c>
    </row>
    <row r="92" spans="1:1" x14ac:dyDescent="0.25">
      <c r="A92" t="s">
        <v>91</v>
      </c>
    </row>
    <row r="93" spans="1:1" x14ac:dyDescent="0.25">
      <c r="A93" t="s">
        <v>92</v>
      </c>
    </row>
    <row r="94" spans="1:1" x14ac:dyDescent="0.25">
      <c r="A94" t="s">
        <v>93</v>
      </c>
    </row>
    <row r="95" spans="1:1" x14ac:dyDescent="0.25">
      <c r="A95" t="s">
        <v>94</v>
      </c>
    </row>
    <row r="96" spans="1:1" x14ac:dyDescent="0.25">
      <c r="A96" t="s">
        <v>95</v>
      </c>
    </row>
    <row r="97" spans="1:1" x14ac:dyDescent="0.25">
      <c r="A97" t="s">
        <v>96</v>
      </c>
    </row>
    <row r="98" spans="1:1" x14ac:dyDescent="0.25">
      <c r="A98" t="s">
        <v>97</v>
      </c>
    </row>
    <row r="99" spans="1:1" x14ac:dyDescent="0.25">
      <c r="A99" t="s">
        <v>98</v>
      </c>
    </row>
    <row r="100" spans="1:1" x14ac:dyDescent="0.25">
      <c r="A100" t="s">
        <v>99</v>
      </c>
    </row>
    <row r="101" spans="1:1" x14ac:dyDescent="0.25">
      <c r="A101" t="s">
        <v>100</v>
      </c>
    </row>
    <row r="102" spans="1:1" x14ac:dyDescent="0.25">
      <c r="A102" t="s">
        <v>101</v>
      </c>
    </row>
    <row r="103" spans="1:1" x14ac:dyDescent="0.25">
      <c r="A103" t="s">
        <v>102</v>
      </c>
    </row>
    <row r="104" spans="1:1" x14ac:dyDescent="0.25">
      <c r="A104" t="s">
        <v>103</v>
      </c>
    </row>
    <row r="105" spans="1:1" x14ac:dyDescent="0.25">
      <c r="A105" t="s">
        <v>104</v>
      </c>
    </row>
    <row r="106" spans="1:1" x14ac:dyDescent="0.25">
      <c r="A106" t="s">
        <v>105</v>
      </c>
    </row>
    <row r="107" spans="1:1" x14ac:dyDescent="0.25">
      <c r="A107" t="s">
        <v>106</v>
      </c>
    </row>
    <row r="108" spans="1:1" x14ac:dyDescent="0.25">
      <c r="A108" t="s">
        <v>107</v>
      </c>
    </row>
    <row r="109" spans="1:1" x14ac:dyDescent="0.25">
      <c r="A109" t="s">
        <v>108</v>
      </c>
    </row>
    <row r="110" spans="1:1" x14ac:dyDescent="0.25">
      <c r="A110" t="s">
        <v>109</v>
      </c>
    </row>
    <row r="111" spans="1:1" x14ac:dyDescent="0.25">
      <c r="A111" t="s">
        <v>110</v>
      </c>
    </row>
    <row r="112" spans="1:1" x14ac:dyDescent="0.25">
      <c r="A112" t="s">
        <v>111</v>
      </c>
    </row>
    <row r="113" spans="1:1" x14ac:dyDescent="0.25">
      <c r="A113" t="s">
        <v>112</v>
      </c>
    </row>
    <row r="114" spans="1:1" x14ac:dyDescent="0.25">
      <c r="A114" t="s">
        <v>113</v>
      </c>
    </row>
    <row r="115" spans="1:1" x14ac:dyDescent="0.25">
      <c r="A115" t="s">
        <v>114</v>
      </c>
    </row>
    <row r="116" spans="1:1" x14ac:dyDescent="0.25">
      <c r="A116" t="s">
        <v>115</v>
      </c>
    </row>
    <row r="117" spans="1:1" x14ac:dyDescent="0.25">
      <c r="A117" t="s">
        <v>116</v>
      </c>
    </row>
    <row r="118" spans="1:1" x14ac:dyDescent="0.25">
      <c r="A118" t="s">
        <v>117</v>
      </c>
    </row>
    <row r="119" spans="1:1" x14ac:dyDescent="0.25">
      <c r="A119" t="s">
        <v>118</v>
      </c>
    </row>
    <row r="120" spans="1:1" x14ac:dyDescent="0.25">
      <c r="A120" t="s">
        <v>119</v>
      </c>
    </row>
    <row r="121" spans="1:1" x14ac:dyDescent="0.25">
      <c r="A121" t="s">
        <v>120</v>
      </c>
    </row>
    <row r="122" spans="1:1" x14ac:dyDescent="0.25">
      <c r="A122" t="s">
        <v>121</v>
      </c>
    </row>
    <row r="123" spans="1:1" x14ac:dyDescent="0.25">
      <c r="A123" t="s">
        <v>122</v>
      </c>
    </row>
    <row r="124" spans="1:1" x14ac:dyDescent="0.25">
      <c r="A124" t="s">
        <v>123</v>
      </c>
    </row>
    <row r="125" spans="1:1" x14ac:dyDescent="0.25">
      <c r="A125" t="s">
        <v>124</v>
      </c>
    </row>
    <row r="126" spans="1:1" x14ac:dyDescent="0.25">
      <c r="A126" t="s">
        <v>125</v>
      </c>
    </row>
    <row r="127" spans="1:1" x14ac:dyDescent="0.25">
      <c r="A127" t="s">
        <v>126</v>
      </c>
    </row>
    <row r="128" spans="1:1" x14ac:dyDescent="0.25">
      <c r="A128" t="s">
        <v>127</v>
      </c>
    </row>
    <row r="129" spans="1:1" x14ac:dyDescent="0.25">
      <c r="A129" t="s">
        <v>128</v>
      </c>
    </row>
    <row r="130" spans="1:1" x14ac:dyDescent="0.25">
      <c r="A130" t="s">
        <v>129</v>
      </c>
    </row>
    <row r="131" spans="1:1" x14ac:dyDescent="0.25">
      <c r="A131" t="s">
        <v>130</v>
      </c>
    </row>
    <row r="132" spans="1:1" x14ac:dyDescent="0.25">
      <c r="A132" t="s">
        <v>131</v>
      </c>
    </row>
    <row r="133" spans="1:1" x14ac:dyDescent="0.25">
      <c r="A133" t="s">
        <v>132</v>
      </c>
    </row>
    <row r="134" spans="1:1" x14ac:dyDescent="0.25">
      <c r="A134" t="s">
        <v>133</v>
      </c>
    </row>
    <row r="135" spans="1:1" x14ac:dyDescent="0.25">
      <c r="A135" t="s">
        <v>134</v>
      </c>
    </row>
    <row r="136" spans="1:1" x14ac:dyDescent="0.25">
      <c r="A136" t="s">
        <v>135</v>
      </c>
    </row>
    <row r="137" spans="1:1" x14ac:dyDescent="0.25">
      <c r="A137" t="s">
        <v>136</v>
      </c>
    </row>
    <row r="138" spans="1:1" x14ac:dyDescent="0.25">
      <c r="A138" t="s">
        <v>137</v>
      </c>
    </row>
    <row r="139" spans="1:1" x14ac:dyDescent="0.25">
      <c r="A139" t="s">
        <v>138</v>
      </c>
    </row>
    <row r="140" spans="1:1" x14ac:dyDescent="0.25">
      <c r="A140" t="s">
        <v>139</v>
      </c>
    </row>
    <row r="141" spans="1:1" x14ac:dyDescent="0.25">
      <c r="A141" t="s">
        <v>140</v>
      </c>
    </row>
    <row r="142" spans="1:1" x14ac:dyDescent="0.25">
      <c r="A142" t="s">
        <v>141</v>
      </c>
    </row>
    <row r="143" spans="1:1" x14ac:dyDescent="0.25">
      <c r="A143" t="s">
        <v>142</v>
      </c>
    </row>
    <row r="144" spans="1:1" x14ac:dyDescent="0.25">
      <c r="A144" t="s">
        <v>143</v>
      </c>
    </row>
    <row r="145" spans="1:1" x14ac:dyDescent="0.25">
      <c r="A145" t="s">
        <v>144</v>
      </c>
    </row>
    <row r="146" spans="1:1" x14ac:dyDescent="0.25">
      <c r="A146" t="s">
        <v>145</v>
      </c>
    </row>
    <row r="147" spans="1:1" x14ac:dyDescent="0.25">
      <c r="A147" t="s">
        <v>146</v>
      </c>
    </row>
    <row r="148" spans="1:1" x14ac:dyDescent="0.25">
      <c r="A148" t="s">
        <v>147</v>
      </c>
    </row>
    <row r="149" spans="1:1" x14ac:dyDescent="0.25">
      <c r="A149" t="s">
        <v>148</v>
      </c>
    </row>
    <row r="150" spans="1:1" x14ac:dyDescent="0.25">
      <c r="A150" t="s">
        <v>149</v>
      </c>
    </row>
    <row r="151" spans="1:1" x14ac:dyDescent="0.25">
      <c r="A151" t="s">
        <v>150</v>
      </c>
    </row>
    <row r="152" spans="1:1" x14ac:dyDescent="0.25">
      <c r="A152" t="s">
        <v>151</v>
      </c>
    </row>
    <row r="153" spans="1:1" x14ac:dyDescent="0.25">
      <c r="A153" t="s">
        <v>152</v>
      </c>
    </row>
    <row r="154" spans="1:1" x14ac:dyDescent="0.25">
      <c r="A154" t="s">
        <v>153</v>
      </c>
    </row>
    <row r="155" spans="1:1" x14ac:dyDescent="0.25">
      <c r="A155" t="s">
        <v>154</v>
      </c>
    </row>
    <row r="156" spans="1:1" x14ac:dyDescent="0.25">
      <c r="A156" t="s">
        <v>155</v>
      </c>
    </row>
    <row r="157" spans="1:1" x14ac:dyDescent="0.25">
      <c r="A157" t="s">
        <v>156</v>
      </c>
    </row>
    <row r="158" spans="1:1" x14ac:dyDescent="0.25">
      <c r="A158" t="s">
        <v>157</v>
      </c>
    </row>
    <row r="159" spans="1:1" x14ac:dyDescent="0.25">
      <c r="A159" t="s">
        <v>158</v>
      </c>
    </row>
    <row r="160" spans="1:1" x14ac:dyDescent="0.25">
      <c r="A160" t="s">
        <v>159</v>
      </c>
    </row>
    <row r="161" spans="1:1" x14ac:dyDescent="0.25">
      <c r="A161" t="s">
        <v>160</v>
      </c>
    </row>
    <row r="162" spans="1:1" x14ac:dyDescent="0.25">
      <c r="A162" t="s">
        <v>161</v>
      </c>
    </row>
    <row r="163" spans="1:1" x14ac:dyDescent="0.25">
      <c r="A163" t="s">
        <v>162</v>
      </c>
    </row>
    <row r="164" spans="1:1" x14ac:dyDescent="0.25">
      <c r="A164" t="s">
        <v>163</v>
      </c>
    </row>
    <row r="165" spans="1:1" x14ac:dyDescent="0.25">
      <c r="A165" t="s">
        <v>164</v>
      </c>
    </row>
    <row r="166" spans="1:1" x14ac:dyDescent="0.25">
      <c r="A166" t="s">
        <v>165</v>
      </c>
    </row>
    <row r="167" spans="1:1" x14ac:dyDescent="0.25">
      <c r="A167" t="s">
        <v>166</v>
      </c>
    </row>
    <row r="168" spans="1:1" x14ac:dyDescent="0.25">
      <c r="A168" t="s">
        <v>167</v>
      </c>
    </row>
    <row r="169" spans="1:1" x14ac:dyDescent="0.25">
      <c r="A169" t="s">
        <v>168</v>
      </c>
    </row>
    <row r="170" spans="1:1" x14ac:dyDescent="0.25">
      <c r="A170" t="s">
        <v>169</v>
      </c>
    </row>
    <row r="171" spans="1:1" x14ac:dyDescent="0.25">
      <c r="A171" t="s">
        <v>170</v>
      </c>
    </row>
    <row r="172" spans="1:1" x14ac:dyDescent="0.25">
      <c r="A172" t="s">
        <v>171</v>
      </c>
    </row>
    <row r="173" spans="1:1" x14ac:dyDescent="0.25">
      <c r="A173" t="s">
        <v>172</v>
      </c>
    </row>
    <row r="174" spans="1:1" x14ac:dyDescent="0.25">
      <c r="A174" t="s">
        <v>173</v>
      </c>
    </row>
    <row r="175" spans="1:1" x14ac:dyDescent="0.25">
      <c r="A175" t="s">
        <v>174</v>
      </c>
    </row>
    <row r="176" spans="1:1" x14ac:dyDescent="0.25">
      <c r="A176" t="s">
        <v>175</v>
      </c>
    </row>
    <row r="177" spans="1:1" x14ac:dyDescent="0.25">
      <c r="A177" t="s">
        <v>176</v>
      </c>
    </row>
    <row r="178" spans="1:1" x14ac:dyDescent="0.25">
      <c r="A178" t="s">
        <v>177</v>
      </c>
    </row>
    <row r="179" spans="1:1" x14ac:dyDescent="0.25">
      <c r="A179" t="s">
        <v>178</v>
      </c>
    </row>
    <row r="180" spans="1:1" x14ac:dyDescent="0.25">
      <c r="A180" t="s">
        <v>179</v>
      </c>
    </row>
    <row r="181" spans="1:1" x14ac:dyDescent="0.25">
      <c r="A181" t="s">
        <v>180</v>
      </c>
    </row>
    <row r="182" spans="1:1" x14ac:dyDescent="0.25">
      <c r="A182" t="s">
        <v>181</v>
      </c>
    </row>
    <row r="183" spans="1:1" x14ac:dyDescent="0.25">
      <c r="A183" t="s">
        <v>182</v>
      </c>
    </row>
    <row r="184" spans="1:1" x14ac:dyDescent="0.25">
      <c r="A184" t="s">
        <v>183</v>
      </c>
    </row>
    <row r="185" spans="1:1" x14ac:dyDescent="0.25">
      <c r="A185" t="s">
        <v>184</v>
      </c>
    </row>
    <row r="186" spans="1:1" x14ac:dyDescent="0.25">
      <c r="A186" t="s">
        <v>185</v>
      </c>
    </row>
    <row r="187" spans="1:1" x14ac:dyDescent="0.25">
      <c r="A187" t="s">
        <v>186</v>
      </c>
    </row>
    <row r="188" spans="1:1" x14ac:dyDescent="0.25">
      <c r="A188" t="s">
        <v>187</v>
      </c>
    </row>
    <row r="189" spans="1:1" x14ac:dyDescent="0.25">
      <c r="A189" t="s">
        <v>188</v>
      </c>
    </row>
    <row r="190" spans="1:1" x14ac:dyDescent="0.25">
      <c r="A190" t="s">
        <v>189</v>
      </c>
    </row>
    <row r="191" spans="1:1" x14ac:dyDescent="0.25">
      <c r="A191" t="s">
        <v>190</v>
      </c>
    </row>
    <row r="192" spans="1:1" x14ac:dyDescent="0.25">
      <c r="A192" t="s">
        <v>191</v>
      </c>
    </row>
    <row r="193" spans="1:1" x14ac:dyDescent="0.25">
      <c r="A193" t="s">
        <v>192</v>
      </c>
    </row>
    <row r="194" spans="1:1" x14ac:dyDescent="0.25">
      <c r="A194" t="s">
        <v>193</v>
      </c>
    </row>
    <row r="195" spans="1:1" x14ac:dyDescent="0.25">
      <c r="A195" t="s">
        <v>194</v>
      </c>
    </row>
    <row r="196" spans="1:1" x14ac:dyDescent="0.25">
      <c r="A196" t="s">
        <v>195</v>
      </c>
    </row>
    <row r="197" spans="1:1" x14ac:dyDescent="0.25">
      <c r="A197" t="s">
        <v>196</v>
      </c>
    </row>
    <row r="198" spans="1:1" x14ac:dyDescent="0.25">
      <c r="A198" t="s">
        <v>197</v>
      </c>
    </row>
    <row r="199" spans="1:1" x14ac:dyDescent="0.25">
      <c r="A199" t="s">
        <v>198</v>
      </c>
    </row>
    <row r="200" spans="1:1" x14ac:dyDescent="0.25">
      <c r="A200" t="s">
        <v>199</v>
      </c>
    </row>
    <row r="201" spans="1:1" x14ac:dyDescent="0.25">
      <c r="A201" t="s">
        <v>200</v>
      </c>
    </row>
    <row r="202" spans="1:1" x14ac:dyDescent="0.25">
      <c r="A202" t="s">
        <v>201</v>
      </c>
    </row>
    <row r="203" spans="1:1" x14ac:dyDescent="0.25">
      <c r="A203" t="s">
        <v>202</v>
      </c>
    </row>
    <row r="204" spans="1:1" x14ac:dyDescent="0.25">
      <c r="A204" t="s">
        <v>203</v>
      </c>
    </row>
    <row r="205" spans="1:1" x14ac:dyDescent="0.25">
      <c r="A205" t="s">
        <v>204</v>
      </c>
    </row>
    <row r="206" spans="1:1" x14ac:dyDescent="0.25">
      <c r="A206" t="s">
        <v>205</v>
      </c>
    </row>
    <row r="207" spans="1:1" x14ac:dyDescent="0.25">
      <c r="A207" t="s">
        <v>206</v>
      </c>
    </row>
    <row r="208" spans="1:1" x14ac:dyDescent="0.25">
      <c r="A208" t="s">
        <v>207</v>
      </c>
    </row>
    <row r="209" spans="1:1" x14ac:dyDescent="0.25">
      <c r="A209" t="s">
        <v>208</v>
      </c>
    </row>
    <row r="210" spans="1:1" x14ac:dyDescent="0.25">
      <c r="A210" t="s">
        <v>209</v>
      </c>
    </row>
    <row r="211" spans="1:1" x14ac:dyDescent="0.25">
      <c r="A211" t="s">
        <v>210</v>
      </c>
    </row>
    <row r="212" spans="1:1" x14ac:dyDescent="0.25">
      <c r="A212" t="s">
        <v>211</v>
      </c>
    </row>
    <row r="213" spans="1:1" x14ac:dyDescent="0.25">
      <c r="A213" t="s">
        <v>212</v>
      </c>
    </row>
    <row r="214" spans="1:1" x14ac:dyDescent="0.25">
      <c r="A214" t="s">
        <v>213</v>
      </c>
    </row>
    <row r="215" spans="1:1" x14ac:dyDescent="0.25">
      <c r="A215" t="s">
        <v>214</v>
      </c>
    </row>
    <row r="216" spans="1:1" x14ac:dyDescent="0.25">
      <c r="A216" t="s">
        <v>215</v>
      </c>
    </row>
    <row r="217" spans="1:1" x14ac:dyDescent="0.25">
      <c r="A217" t="s">
        <v>216</v>
      </c>
    </row>
    <row r="218" spans="1:1" x14ac:dyDescent="0.25">
      <c r="A218" t="s">
        <v>217</v>
      </c>
    </row>
    <row r="219" spans="1:1" x14ac:dyDescent="0.25">
      <c r="A219" t="s">
        <v>218</v>
      </c>
    </row>
    <row r="220" spans="1:1" x14ac:dyDescent="0.25">
      <c r="A220" t="s">
        <v>219</v>
      </c>
    </row>
    <row r="221" spans="1:1" x14ac:dyDescent="0.25">
      <c r="A221" t="s">
        <v>220</v>
      </c>
    </row>
    <row r="222" spans="1:1" x14ac:dyDescent="0.25">
      <c r="A222" t="s">
        <v>221</v>
      </c>
    </row>
    <row r="223" spans="1:1" x14ac:dyDescent="0.25">
      <c r="A223" t="s">
        <v>222</v>
      </c>
    </row>
    <row r="224" spans="1:1" x14ac:dyDescent="0.25">
      <c r="A224" t="s">
        <v>223</v>
      </c>
    </row>
    <row r="225" spans="1:1" x14ac:dyDescent="0.25">
      <c r="A225" t="s">
        <v>224</v>
      </c>
    </row>
    <row r="226" spans="1:1" x14ac:dyDescent="0.25">
      <c r="A226" t="s">
        <v>225</v>
      </c>
    </row>
    <row r="227" spans="1:1" x14ac:dyDescent="0.25">
      <c r="A227" t="s">
        <v>226</v>
      </c>
    </row>
    <row r="228" spans="1:1" x14ac:dyDescent="0.25">
      <c r="A228" t="s">
        <v>227</v>
      </c>
    </row>
    <row r="229" spans="1:1" x14ac:dyDescent="0.25">
      <c r="A229" t="s">
        <v>228</v>
      </c>
    </row>
    <row r="230" spans="1:1" x14ac:dyDescent="0.25">
      <c r="A230" t="s">
        <v>229</v>
      </c>
    </row>
    <row r="231" spans="1:1" x14ac:dyDescent="0.25">
      <c r="A231" t="s">
        <v>230</v>
      </c>
    </row>
    <row r="232" spans="1:1" x14ac:dyDescent="0.25">
      <c r="A232" t="s">
        <v>231</v>
      </c>
    </row>
    <row r="233" spans="1:1" x14ac:dyDescent="0.25">
      <c r="A233" t="s">
        <v>232</v>
      </c>
    </row>
    <row r="234" spans="1:1" x14ac:dyDescent="0.25">
      <c r="A234" t="s">
        <v>233</v>
      </c>
    </row>
    <row r="235" spans="1:1" x14ac:dyDescent="0.25">
      <c r="A235" t="s">
        <v>234</v>
      </c>
    </row>
    <row r="236" spans="1:1" x14ac:dyDescent="0.25">
      <c r="A236" t="s">
        <v>235</v>
      </c>
    </row>
    <row r="237" spans="1:1" x14ac:dyDescent="0.25">
      <c r="A237" t="s">
        <v>236</v>
      </c>
    </row>
    <row r="238" spans="1:1" x14ac:dyDescent="0.25">
      <c r="A238" t="s">
        <v>237</v>
      </c>
    </row>
    <row r="239" spans="1:1" x14ac:dyDescent="0.25">
      <c r="A239" t="s">
        <v>238</v>
      </c>
    </row>
    <row r="240" spans="1:1" x14ac:dyDescent="0.25">
      <c r="A240" t="s">
        <v>239</v>
      </c>
    </row>
    <row r="241" spans="1:1" x14ac:dyDescent="0.25">
      <c r="A241" t="s">
        <v>240</v>
      </c>
    </row>
    <row r="242" spans="1:1" x14ac:dyDescent="0.25">
      <c r="A242" t="s">
        <v>241</v>
      </c>
    </row>
    <row r="243" spans="1:1" x14ac:dyDescent="0.25">
      <c r="A243" t="s">
        <v>242</v>
      </c>
    </row>
    <row r="244" spans="1:1" x14ac:dyDescent="0.25">
      <c r="A244" t="s">
        <v>243</v>
      </c>
    </row>
    <row r="245" spans="1:1" x14ac:dyDescent="0.25">
      <c r="A245" t="s">
        <v>244</v>
      </c>
    </row>
    <row r="246" spans="1:1" x14ac:dyDescent="0.25">
      <c r="A246" t="s">
        <v>245</v>
      </c>
    </row>
    <row r="247" spans="1:1" x14ac:dyDescent="0.25">
      <c r="A247" t="s">
        <v>246</v>
      </c>
    </row>
    <row r="248" spans="1:1" x14ac:dyDescent="0.25">
      <c r="A248" t="s">
        <v>247</v>
      </c>
    </row>
    <row r="249" spans="1:1" x14ac:dyDescent="0.25">
      <c r="A249" t="s">
        <v>248</v>
      </c>
    </row>
    <row r="250" spans="1:1" x14ac:dyDescent="0.25">
      <c r="A250" t="s">
        <v>249</v>
      </c>
    </row>
    <row r="251" spans="1:1" x14ac:dyDescent="0.25">
      <c r="A251" t="s">
        <v>250</v>
      </c>
    </row>
    <row r="252" spans="1:1" x14ac:dyDescent="0.25">
      <c r="A252" t="s">
        <v>251</v>
      </c>
    </row>
    <row r="253" spans="1:1" x14ac:dyDescent="0.25">
      <c r="A253" t="s">
        <v>252</v>
      </c>
    </row>
    <row r="254" spans="1:1" x14ac:dyDescent="0.25">
      <c r="A254" t="s">
        <v>253</v>
      </c>
    </row>
    <row r="255" spans="1:1" x14ac:dyDescent="0.25">
      <c r="A255" t="s">
        <v>254</v>
      </c>
    </row>
    <row r="256" spans="1:1" x14ac:dyDescent="0.25">
      <c r="A256" t="s">
        <v>255</v>
      </c>
    </row>
    <row r="257" spans="1:1" x14ac:dyDescent="0.25">
      <c r="A257" t="s">
        <v>256</v>
      </c>
    </row>
    <row r="258" spans="1:1" x14ac:dyDescent="0.25">
      <c r="A258" t="s">
        <v>257</v>
      </c>
    </row>
    <row r="259" spans="1:1" x14ac:dyDescent="0.25">
      <c r="A259" t="s">
        <v>258</v>
      </c>
    </row>
    <row r="260" spans="1:1" x14ac:dyDescent="0.25">
      <c r="A260" t="s">
        <v>259</v>
      </c>
    </row>
    <row r="261" spans="1:1" x14ac:dyDescent="0.25">
      <c r="A261" t="s">
        <v>260</v>
      </c>
    </row>
    <row r="262" spans="1:1" x14ac:dyDescent="0.25">
      <c r="A262" t="s">
        <v>261</v>
      </c>
    </row>
    <row r="263" spans="1:1" x14ac:dyDescent="0.25">
      <c r="A263" t="s">
        <v>262</v>
      </c>
    </row>
    <row r="264" spans="1:1" x14ac:dyDescent="0.25">
      <c r="A264" t="s">
        <v>263</v>
      </c>
    </row>
    <row r="265" spans="1:1" x14ac:dyDescent="0.25">
      <c r="A265" t="s">
        <v>264</v>
      </c>
    </row>
    <row r="266" spans="1:1" x14ac:dyDescent="0.25">
      <c r="A266" t="s">
        <v>265</v>
      </c>
    </row>
    <row r="267" spans="1:1" x14ac:dyDescent="0.25">
      <c r="A267" t="s">
        <v>266</v>
      </c>
    </row>
    <row r="268" spans="1:1" x14ac:dyDescent="0.25">
      <c r="A268" t="s">
        <v>267</v>
      </c>
    </row>
    <row r="269" spans="1:1" x14ac:dyDescent="0.25">
      <c r="A269" t="s">
        <v>268</v>
      </c>
    </row>
    <row r="270" spans="1:1" x14ac:dyDescent="0.25">
      <c r="A270" t="s">
        <v>269</v>
      </c>
    </row>
    <row r="271" spans="1:1" x14ac:dyDescent="0.25">
      <c r="A271" t="s">
        <v>270</v>
      </c>
    </row>
    <row r="272" spans="1:1" x14ac:dyDescent="0.25">
      <c r="A272" t="s">
        <v>271</v>
      </c>
    </row>
    <row r="273" spans="1:1" x14ac:dyDescent="0.25">
      <c r="A273" t="s">
        <v>272</v>
      </c>
    </row>
    <row r="274" spans="1:1" x14ac:dyDescent="0.25">
      <c r="A274" t="s">
        <v>273</v>
      </c>
    </row>
    <row r="275" spans="1:1" x14ac:dyDescent="0.25">
      <c r="A275" t="s">
        <v>274</v>
      </c>
    </row>
    <row r="276" spans="1:1" x14ac:dyDescent="0.25">
      <c r="A276" t="s">
        <v>275</v>
      </c>
    </row>
    <row r="277" spans="1:1" x14ac:dyDescent="0.25">
      <c r="A277" t="s">
        <v>276</v>
      </c>
    </row>
    <row r="278" spans="1:1" x14ac:dyDescent="0.25">
      <c r="A278" t="s">
        <v>277</v>
      </c>
    </row>
    <row r="279" spans="1:1" x14ac:dyDescent="0.25">
      <c r="A279" t="s">
        <v>278</v>
      </c>
    </row>
    <row r="280" spans="1:1" x14ac:dyDescent="0.25">
      <c r="A280" t="s">
        <v>279</v>
      </c>
    </row>
    <row r="281" spans="1:1" x14ac:dyDescent="0.25">
      <c r="A281" t="s">
        <v>280</v>
      </c>
    </row>
    <row r="282" spans="1:1" x14ac:dyDescent="0.25">
      <c r="A282" t="s">
        <v>281</v>
      </c>
    </row>
    <row r="283" spans="1:1" x14ac:dyDescent="0.25">
      <c r="A283" t="s">
        <v>282</v>
      </c>
    </row>
    <row r="284" spans="1:1" x14ac:dyDescent="0.25">
      <c r="A284" t="s">
        <v>283</v>
      </c>
    </row>
    <row r="285" spans="1:1" x14ac:dyDescent="0.25">
      <c r="A285" t="s">
        <v>284</v>
      </c>
    </row>
    <row r="286" spans="1:1" x14ac:dyDescent="0.25">
      <c r="A286" t="s">
        <v>285</v>
      </c>
    </row>
    <row r="287" spans="1:1" x14ac:dyDescent="0.25">
      <c r="A287" t="s">
        <v>286</v>
      </c>
    </row>
    <row r="288" spans="1:1" x14ac:dyDescent="0.25">
      <c r="A288" t="s">
        <v>287</v>
      </c>
    </row>
    <row r="289" spans="1:1" x14ac:dyDescent="0.25">
      <c r="A289" t="s">
        <v>288</v>
      </c>
    </row>
    <row r="290" spans="1:1" x14ac:dyDescent="0.25">
      <c r="A290" t="s">
        <v>289</v>
      </c>
    </row>
    <row r="291" spans="1:1" x14ac:dyDescent="0.25">
      <c r="A291" t="s">
        <v>290</v>
      </c>
    </row>
    <row r="292" spans="1:1" x14ac:dyDescent="0.25">
      <c r="A292" t="s">
        <v>291</v>
      </c>
    </row>
    <row r="293" spans="1:1" x14ac:dyDescent="0.25">
      <c r="A293" t="s">
        <v>292</v>
      </c>
    </row>
    <row r="294" spans="1:1" x14ac:dyDescent="0.25">
      <c r="A294" t="s">
        <v>293</v>
      </c>
    </row>
    <row r="295" spans="1:1" x14ac:dyDescent="0.25">
      <c r="A295" t="s">
        <v>294</v>
      </c>
    </row>
    <row r="296" spans="1:1" x14ac:dyDescent="0.25">
      <c r="A296" t="s">
        <v>295</v>
      </c>
    </row>
    <row r="297" spans="1:1" x14ac:dyDescent="0.25">
      <c r="A297" t="s">
        <v>296</v>
      </c>
    </row>
    <row r="298" spans="1:1" x14ac:dyDescent="0.25">
      <c r="A298" t="s">
        <v>297</v>
      </c>
    </row>
    <row r="299" spans="1:1" x14ac:dyDescent="0.25">
      <c r="A299" t="s">
        <v>298</v>
      </c>
    </row>
    <row r="300" spans="1:1" x14ac:dyDescent="0.25">
      <c r="A300" t="s">
        <v>299</v>
      </c>
    </row>
    <row r="301" spans="1:1" x14ac:dyDescent="0.25">
      <c r="A301" t="s">
        <v>300</v>
      </c>
    </row>
    <row r="302" spans="1:1" x14ac:dyDescent="0.25">
      <c r="A302" t="s">
        <v>301</v>
      </c>
    </row>
    <row r="303" spans="1:1" x14ac:dyDescent="0.25">
      <c r="A303" t="s">
        <v>302</v>
      </c>
    </row>
    <row r="304" spans="1:1" x14ac:dyDescent="0.25">
      <c r="A304" t="s">
        <v>303</v>
      </c>
    </row>
    <row r="305" spans="1:1" x14ac:dyDescent="0.25">
      <c r="A305" t="s">
        <v>304</v>
      </c>
    </row>
    <row r="306" spans="1:1" x14ac:dyDescent="0.25">
      <c r="A306" t="s">
        <v>305</v>
      </c>
    </row>
    <row r="307" spans="1:1" x14ac:dyDescent="0.25">
      <c r="A307" t="s">
        <v>306</v>
      </c>
    </row>
    <row r="308" spans="1:1" x14ac:dyDescent="0.25">
      <c r="A308" t="s">
        <v>307</v>
      </c>
    </row>
    <row r="309" spans="1:1" x14ac:dyDescent="0.25">
      <c r="A309" t="s">
        <v>308</v>
      </c>
    </row>
    <row r="310" spans="1:1" x14ac:dyDescent="0.25">
      <c r="A310" t="s">
        <v>309</v>
      </c>
    </row>
    <row r="311" spans="1:1" x14ac:dyDescent="0.25">
      <c r="A311" t="s">
        <v>310</v>
      </c>
    </row>
    <row r="312" spans="1:1" x14ac:dyDescent="0.25">
      <c r="A312" t="s">
        <v>311</v>
      </c>
    </row>
    <row r="313" spans="1:1" x14ac:dyDescent="0.25">
      <c r="A313" t="s">
        <v>312</v>
      </c>
    </row>
    <row r="314" spans="1:1" x14ac:dyDescent="0.25">
      <c r="A314" t="s">
        <v>313</v>
      </c>
    </row>
    <row r="315" spans="1:1" x14ac:dyDescent="0.25">
      <c r="A315" t="s">
        <v>314</v>
      </c>
    </row>
    <row r="316" spans="1:1" x14ac:dyDescent="0.25">
      <c r="A316" t="s">
        <v>315</v>
      </c>
    </row>
    <row r="317" spans="1:1" x14ac:dyDescent="0.25">
      <c r="A317" t="s">
        <v>316</v>
      </c>
    </row>
    <row r="318" spans="1:1" x14ac:dyDescent="0.25">
      <c r="A318" t="s">
        <v>317</v>
      </c>
    </row>
    <row r="319" spans="1:1" x14ac:dyDescent="0.25">
      <c r="A319" t="s">
        <v>318</v>
      </c>
    </row>
    <row r="320" spans="1:1" x14ac:dyDescent="0.25">
      <c r="A320" t="s">
        <v>319</v>
      </c>
    </row>
    <row r="321" spans="1:1" x14ac:dyDescent="0.25">
      <c r="A321" t="s">
        <v>320</v>
      </c>
    </row>
    <row r="322" spans="1:1" x14ac:dyDescent="0.25">
      <c r="A322" t="s">
        <v>321</v>
      </c>
    </row>
    <row r="323" spans="1:1" x14ac:dyDescent="0.25">
      <c r="A323" t="s">
        <v>322</v>
      </c>
    </row>
    <row r="324" spans="1:1" x14ac:dyDescent="0.25">
      <c r="A324" t="s">
        <v>323</v>
      </c>
    </row>
    <row r="325" spans="1:1" x14ac:dyDescent="0.25">
      <c r="A325" t="s">
        <v>324</v>
      </c>
    </row>
    <row r="326" spans="1:1" x14ac:dyDescent="0.25">
      <c r="A326" t="s">
        <v>325</v>
      </c>
    </row>
    <row r="327" spans="1:1" x14ac:dyDescent="0.25">
      <c r="A327" t="s">
        <v>326</v>
      </c>
    </row>
    <row r="328" spans="1:1" x14ac:dyDescent="0.25">
      <c r="A328" t="s">
        <v>327</v>
      </c>
    </row>
    <row r="329" spans="1:1" x14ac:dyDescent="0.25">
      <c r="A329" t="s">
        <v>328</v>
      </c>
    </row>
    <row r="330" spans="1:1" x14ac:dyDescent="0.25">
      <c r="A330" t="s">
        <v>329</v>
      </c>
    </row>
    <row r="331" spans="1:1" x14ac:dyDescent="0.25">
      <c r="A331" t="s">
        <v>330</v>
      </c>
    </row>
    <row r="332" spans="1:1" x14ac:dyDescent="0.25">
      <c r="A332" t="s">
        <v>331</v>
      </c>
    </row>
    <row r="333" spans="1:1" x14ac:dyDescent="0.25">
      <c r="A333" t="s">
        <v>332</v>
      </c>
    </row>
    <row r="334" spans="1:1" x14ac:dyDescent="0.25">
      <c r="A334" t="s">
        <v>333</v>
      </c>
    </row>
    <row r="335" spans="1:1" x14ac:dyDescent="0.25">
      <c r="A335" t="s">
        <v>334</v>
      </c>
    </row>
    <row r="336" spans="1:1" x14ac:dyDescent="0.25">
      <c r="A336" t="s">
        <v>335</v>
      </c>
    </row>
    <row r="337" spans="1:1" x14ac:dyDescent="0.25">
      <c r="A337" t="s">
        <v>336</v>
      </c>
    </row>
    <row r="338" spans="1:1" x14ac:dyDescent="0.25">
      <c r="A338" t="s">
        <v>337</v>
      </c>
    </row>
    <row r="339" spans="1:1" x14ac:dyDescent="0.25">
      <c r="A339" t="s">
        <v>338</v>
      </c>
    </row>
    <row r="340" spans="1:1" x14ac:dyDescent="0.25">
      <c r="A340" t="s">
        <v>339</v>
      </c>
    </row>
    <row r="341" spans="1:1" x14ac:dyDescent="0.25">
      <c r="A341" t="s">
        <v>340</v>
      </c>
    </row>
    <row r="342" spans="1:1" x14ac:dyDescent="0.25">
      <c r="A342" t="s">
        <v>341</v>
      </c>
    </row>
    <row r="343" spans="1:1" x14ac:dyDescent="0.25">
      <c r="A343" t="s">
        <v>342</v>
      </c>
    </row>
    <row r="344" spans="1:1" x14ac:dyDescent="0.25">
      <c r="A344" t="s">
        <v>343</v>
      </c>
    </row>
    <row r="345" spans="1:1" x14ac:dyDescent="0.25">
      <c r="A345" t="s">
        <v>344</v>
      </c>
    </row>
    <row r="346" spans="1:1" x14ac:dyDescent="0.25">
      <c r="A346" t="s">
        <v>345</v>
      </c>
    </row>
    <row r="347" spans="1:1" x14ac:dyDescent="0.25">
      <c r="A347" t="s">
        <v>346</v>
      </c>
    </row>
    <row r="348" spans="1:1" x14ac:dyDescent="0.25">
      <c r="A348" t="s">
        <v>347</v>
      </c>
    </row>
    <row r="349" spans="1:1" x14ac:dyDescent="0.25">
      <c r="A349" t="s">
        <v>348</v>
      </c>
    </row>
    <row r="350" spans="1:1" x14ac:dyDescent="0.25">
      <c r="A350" t="s">
        <v>349</v>
      </c>
    </row>
    <row r="351" spans="1:1" x14ac:dyDescent="0.25">
      <c r="A351" t="s">
        <v>350</v>
      </c>
    </row>
    <row r="352" spans="1:1" x14ac:dyDescent="0.25">
      <c r="A352" t="s">
        <v>351</v>
      </c>
    </row>
    <row r="353" spans="1:1" x14ac:dyDescent="0.25">
      <c r="A353" t="s">
        <v>352</v>
      </c>
    </row>
    <row r="354" spans="1:1" x14ac:dyDescent="0.25">
      <c r="A354" t="s">
        <v>353</v>
      </c>
    </row>
    <row r="355" spans="1:1" x14ac:dyDescent="0.25">
      <c r="A355" t="s">
        <v>354</v>
      </c>
    </row>
    <row r="356" spans="1:1" x14ac:dyDescent="0.25">
      <c r="A356" t="s">
        <v>355</v>
      </c>
    </row>
    <row r="357" spans="1:1" x14ac:dyDescent="0.25">
      <c r="A357" t="s">
        <v>356</v>
      </c>
    </row>
    <row r="358" spans="1:1" x14ac:dyDescent="0.25">
      <c r="A358" t="s">
        <v>357</v>
      </c>
    </row>
    <row r="359" spans="1:1" x14ac:dyDescent="0.25">
      <c r="A359" t="s">
        <v>358</v>
      </c>
    </row>
    <row r="360" spans="1:1" x14ac:dyDescent="0.25">
      <c r="A360" t="s">
        <v>359</v>
      </c>
    </row>
    <row r="361" spans="1:1" x14ac:dyDescent="0.25">
      <c r="A361" t="s">
        <v>360</v>
      </c>
    </row>
    <row r="362" spans="1:1" x14ac:dyDescent="0.25">
      <c r="A362" t="s">
        <v>361</v>
      </c>
    </row>
    <row r="363" spans="1:1" x14ac:dyDescent="0.25">
      <c r="A363" t="s">
        <v>362</v>
      </c>
    </row>
    <row r="364" spans="1:1" x14ac:dyDescent="0.25">
      <c r="A364" t="s">
        <v>363</v>
      </c>
    </row>
    <row r="365" spans="1:1" x14ac:dyDescent="0.25">
      <c r="A365" t="s">
        <v>364</v>
      </c>
    </row>
    <row r="366" spans="1:1" x14ac:dyDescent="0.25">
      <c r="A366" t="s">
        <v>365</v>
      </c>
    </row>
    <row r="367" spans="1:1" x14ac:dyDescent="0.25">
      <c r="A367" t="s">
        <v>366</v>
      </c>
    </row>
    <row r="368" spans="1:1" x14ac:dyDescent="0.25">
      <c r="A368" t="s">
        <v>367</v>
      </c>
    </row>
    <row r="369" spans="1:1" x14ac:dyDescent="0.25">
      <c r="A369" t="s">
        <v>368</v>
      </c>
    </row>
    <row r="370" spans="1:1" x14ac:dyDescent="0.25">
      <c r="A370" t="s">
        <v>369</v>
      </c>
    </row>
    <row r="371" spans="1:1" x14ac:dyDescent="0.25">
      <c r="A371" t="s">
        <v>370</v>
      </c>
    </row>
    <row r="372" spans="1:1" x14ac:dyDescent="0.25">
      <c r="A372" t="s">
        <v>371</v>
      </c>
    </row>
    <row r="373" spans="1:1" x14ac:dyDescent="0.25">
      <c r="A373" t="s">
        <v>372</v>
      </c>
    </row>
    <row r="374" spans="1:1" x14ac:dyDescent="0.25">
      <c r="A374" t="s">
        <v>373</v>
      </c>
    </row>
    <row r="375" spans="1:1" x14ac:dyDescent="0.25">
      <c r="A375" t="s">
        <v>374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CSPP liste ISIN FR (002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SA Mariam (SG DIRCOM)</dc:creator>
  <cp:lastModifiedBy>ISSA Mariam (SG DIRCOM)</cp:lastModifiedBy>
  <dcterms:created xsi:type="dcterms:W3CDTF">2025-10-07T13:29:11Z</dcterms:created>
  <dcterms:modified xsi:type="dcterms:W3CDTF">2025-10-07T13:29:11Z</dcterms:modified>
</cp:coreProperties>
</file>